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codeName="ThisWorkbook"/>
  <mc:AlternateContent xmlns:mc="http://schemas.openxmlformats.org/markup-compatibility/2006">
    <mc:Choice Requires="x15">
      <x15ac:absPath xmlns:x15ac="http://schemas.microsoft.com/office/spreadsheetml/2010/11/ac" url="J:\s1\15総務\40広報広聴\10諸務\03育さぽとやま管理\R7\R80331 新年度様式の掲載について\令和８年度各種様式\"/>
    </mc:Choice>
  </mc:AlternateContent>
  <xr:revisionPtr revIDLastSave="0" documentId="13_ncr:1_{172AC6DC-C2F6-4FB4-BBC1-2BB5B5BF7630}" xr6:coauthVersionLast="47" xr6:coauthVersionMax="47" xr10:uidLastSave="{00000000-0000-0000-0000-000000000000}"/>
  <bookViews>
    <workbookView xWindow="1980" yWindow="555" windowWidth="26850" windowHeight="14790" xr2:uid="{00000000-000D-0000-FFFF-FFFF00000000}"/>
  </bookViews>
  <sheets>
    <sheet name="様式" sheetId="33" r:id="rId1"/>
    <sheet name="プルダウンリスト" sheetId="16" r:id="rId2"/>
    <sheet name="記載要領 " sheetId="35" r:id="rId3"/>
  </sheets>
  <definedNames>
    <definedName name="_xlnm._FilterDatabase" localSheetId="0" hidden="1">様式!$C$13:$AL$59</definedName>
    <definedName name="_xlnm.Print_Area" localSheetId="1">プルダウンリスト!$A$1:$O$113</definedName>
    <definedName name="_xlnm.Print_Area" localSheetId="2">'記載要領 '!$A$1:$E$49</definedName>
    <definedName name="_xlnm.Print_Area" localSheetId="0">様式!$A$1:$AM$6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8" i="16" l="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E7" i="16"/>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E109" i="16" s="1"/>
  <c r="E110" i="16" s="1"/>
  <c r="E111" i="16" s="1"/>
  <c r="E112" i="16" s="1"/>
  <c r="E113" i="16" s="1"/>
  <c r="D7" i="16"/>
  <c r="D8" i="16" s="1"/>
  <c r="D9" i="16" s="1"/>
  <c r="D10" i="16" s="1"/>
  <c r="D11" i="16" s="1"/>
  <c r="D12" i="16" s="1"/>
  <c r="D13" i="16" s="1"/>
  <c r="D14" i="16" s="1"/>
  <c r="D15" i="16" s="1"/>
  <c r="D16" i="16" s="1"/>
  <c r="D17" i="16" s="1"/>
  <c r="D18" i="16" s="1"/>
  <c r="D19" i="16" s="1"/>
  <c r="D20" i="16" s="1"/>
  <c r="D21" i="16" s="1"/>
  <c r="D22" i="16" s="1"/>
  <c r="D23" i="16" s="1"/>
  <c r="D24" i="16" s="1"/>
  <c r="D25"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17" i="16" l="1"/>
  <c r="F16" i="16" s="1"/>
  <c r="F15" i="16" s="1"/>
  <c r="F14" i="16" s="1"/>
  <c r="F13" i="16" s="1"/>
  <c r="F12" i="16" s="1"/>
  <c r="F11" i="16" s="1"/>
  <c r="F10" i="16" s="1"/>
  <c r="F9" i="16" s="1"/>
  <c r="F8" i="16" s="1"/>
  <c r="F7" i="16" s="1"/>
  <c r="F6" i="16" s="1"/>
  <c r="F5" i="16" s="1"/>
  <c r="F4" i="16" s="1"/>
  <c r="F3" i="16" s="1"/>
  <c r="F2" i="16" s="1"/>
</calcChain>
</file>

<file path=xl/sharedStrings.xml><?xml version="1.0" encoding="utf-8"?>
<sst xmlns="http://schemas.openxmlformats.org/spreadsheetml/2006/main" count="460" uniqueCount="223">
  <si>
    <t>）</t>
  </si>
  <si>
    <t>就労証明書</t>
  </si>
  <si>
    <t>記載欄</t>
    <rPh sb="0" eb="2">
      <t>キサイ</t>
    </rPh>
    <rPh sb="2" eb="3">
      <t>ラン</t>
    </rPh>
    <phoneticPr fontId="3"/>
  </si>
  <si>
    <t>入所内定時育休短縮可否</t>
    <rPh sb="0" eb="2">
      <t>ニュウショ</t>
    </rPh>
    <rPh sb="2" eb="5">
      <t>ナイテイジ</t>
    </rPh>
    <rPh sb="5" eb="7">
      <t>イクキュウ</t>
    </rPh>
    <rPh sb="7" eb="11">
      <t>タンシュクカヒ</t>
    </rPh>
    <phoneticPr fontId="3"/>
  </si>
  <si>
    <t>宛</t>
    <rPh sb="0" eb="1">
      <t>アテ</t>
    </rPh>
    <phoneticPr fontId="3"/>
  </si>
  <si>
    <t>住所</t>
    <rPh sb="0" eb="2">
      <t>ジュウショ</t>
    </rPh>
    <phoneticPr fontId="3"/>
  </si>
  <si>
    <t>西暦</t>
    <rPh sb="0" eb="2">
      <t>セイレキ</t>
    </rPh>
    <phoneticPr fontId="3"/>
  </si>
  <si>
    <t>○証明書発行事業所の住所を記載してください。
　※証明書の証明対象となる者（以下「本人」という。）の就労先住所ではない点に注意してください。</t>
  </si>
  <si>
    <t>パート・アルバイト</t>
  </si>
  <si>
    <r>
      <t xml:space="preserve">就労実績
</t>
    </r>
    <r>
      <rPr>
        <sz val="9"/>
        <color theme="1"/>
        <rFont val="BIZ UDP明朝 Medium"/>
        <family val="1"/>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3"/>
  </si>
  <si>
    <t>就労時間
（固定就労の場合）</t>
  </si>
  <si>
    <t>証明日</t>
    <rPh sb="0" eb="2">
      <t>ショウメイ</t>
    </rPh>
    <rPh sb="2" eb="3">
      <t>ビ</t>
    </rPh>
    <phoneticPr fontId="3"/>
  </si>
  <si>
    <t>電気・ガス・熱供給・水道業</t>
  </si>
  <si>
    <t>復職予定</t>
    <rPh sb="0" eb="4">
      <t>フクショクヨテイ</t>
    </rPh>
    <phoneticPr fontId="3"/>
  </si>
  <si>
    <t>事業所名</t>
    <rPh sb="0" eb="3">
      <t>ジギョウショ</t>
    </rPh>
    <rPh sb="3" eb="4">
      <t>メイ</t>
    </rPh>
    <phoneticPr fontId="3"/>
  </si>
  <si>
    <t>年</t>
    <rPh sb="0" eb="1">
      <t>ネン</t>
    </rPh>
    <phoneticPr fontId="3"/>
  </si>
  <si>
    <t>日</t>
  </si>
  <si>
    <t>月</t>
    <rPh sb="0" eb="1">
      <t>ガツ</t>
    </rPh>
    <phoneticPr fontId="3"/>
  </si>
  <si>
    <t>～</t>
  </si>
  <si>
    <t>日</t>
    <rPh sb="0" eb="1">
      <t>ニチ</t>
    </rPh>
    <phoneticPr fontId="3"/>
  </si>
  <si>
    <t>証明日</t>
  </si>
  <si>
    <t>学術研究・専門・技術サービス</t>
  </si>
  <si>
    <t>№11</t>
  </si>
  <si>
    <t>可（予定）</t>
  </si>
  <si>
    <t>下記の内容について、事実であることを証明いたします。</t>
    <rPh sb="0" eb="2">
      <t>カキ</t>
    </rPh>
    <rPh sb="3" eb="5">
      <t>ナイヨウ</t>
    </rPh>
    <rPh sb="10" eb="12">
      <t>ジジツ</t>
    </rPh>
    <rPh sb="18" eb="20">
      <t>ショウメイ</t>
    </rPh>
    <phoneticPr fontId="3"/>
  </si>
  <si>
    <t>雇用の形態</t>
    <rPh sb="0" eb="2">
      <t>コヨウ</t>
    </rPh>
    <rPh sb="3" eb="5">
      <t>ケイタイ</t>
    </rPh>
    <phoneticPr fontId="3"/>
  </si>
  <si>
    <t>代表者名</t>
    <rPh sb="0" eb="3">
      <t>ダイヒョウシャ</t>
    </rPh>
    <rPh sb="3" eb="4">
      <t>メイ</t>
    </rPh>
    <phoneticPr fontId="3"/>
  </si>
  <si>
    <t>金</t>
    <rPh sb="0" eb="1">
      <t>キン</t>
    </rPh>
    <phoneticPr fontId="3"/>
  </si>
  <si>
    <t>所在地</t>
    <rPh sb="0" eb="3">
      <t>ショザイチ</t>
    </rPh>
    <phoneticPr fontId="3"/>
  </si>
  <si>
    <t>無期</t>
    <rPh sb="0" eb="2">
      <t>ムキ</t>
    </rPh>
    <phoneticPr fontId="3"/>
  </si>
  <si>
    <t>業種</t>
    <rPh sb="0" eb="2">
      <t>ギョウシュ</t>
    </rPh>
    <phoneticPr fontId="3"/>
  </si>
  <si>
    <t>電話番号</t>
    <rPh sb="0" eb="2">
      <t>デンワ</t>
    </rPh>
    <rPh sb="2" eb="4">
      <t>バンゴウ</t>
    </rPh>
    <phoneticPr fontId="3"/>
  </si>
  <si>
    <t>非常勤・臨時職員</t>
  </si>
  <si>
    <t>―</t>
  </si>
  <si>
    <t>担当者名</t>
    <rPh sb="0" eb="3">
      <t>タントウシャ</t>
    </rPh>
    <rPh sb="3" eb="4">
      <t>メイ</t>
    </rPh>
    <phoneticPr fontId="3"/>
  </si>
  <si>
    <t>本人就労先事業所</t>
    <rPh sb="0" eb="2">
      <t>ホンニン</t>
    </rPh>
    <phoneticPr fontId="3"/>
  </si>
  <si>
    <t>記載者連絡先</t>
    <rPh sb="0" eb="2">
      <t>キサイ</t>
    </rPh>
    <rPh sb="2" eb="3">
      <t>シャ</t>
    </rPh>
    <rPh sb="3" eb="6">
      <t>レンラクサキ</t>
    </rPh>
    <phoneticPr fontId="3"/>
  </si>
  <si>
    <t>フリガナ</t>
  </si>
  <si>
    <t>年</t>
  </si>
  <si>
    <t>※本証明書の内容について、就労先事業者等に無断で作成し又は改変を行ったときには、刑法上の罪に問われる場合があります。</t>
  </si>
  <si>
    <t>No.</t>
  </si>
  <si>
    <t>項目</t>
    <rPh sb="0" eb="2">
      <t>コウモク</t>
    </rPh>
    <phoneticPr fontId="3"/>
  </si>
  <si>
    <t>鉱業・採石業・砂利採取業</t>
  </si>
  <si>
    <t>役員</t>
  </si>
  <si>
    <t>□</t>
  </si>
  <si>
    <t>単身赴任期間（予定含む）</t>
  </si>
  <si>
    <t>農業・林業</t>
  </si>
  <si>
    <t>製造業</t>
  </si>
  <si>
    <t>自営業専従者</t>
  </si>
  <si>
    <r>
      <t>（</t>
    </r>
    <r>
      <rPr>
        <sz val="12"/>
        <rFont val="BIZ UDP明朝 Medium"/>
        <family val="1"/>
        <charset val="128"/>
      </rPr>
      <t>うち休憩時間</t>
    </r>
    <rPh sb="3" eb="5">
      <t>キュウケイ</t>
    </rPh>
    <rPh sb="5" eb="7">
      <t>ジカン</t>
    </rPh>
    <phoneticPr fontId="3"/>
  </si>
  <si>
    <t>漁業</t>
  </si>
  <si>
    <t>建設業</t>
  </si>
  <si>
    <t>情報通信業</t>
  </si>
  <si>
    <t>契約社員</t>
  </si>
  <si>
    <t>運輸業・郵便業</t>
  </si>
  <si>
    <t>卸売業・小売業</t>
  </si>
  <si>
    <t>医療・福祉</t>
  </si>
  <si>
    <t>金融業・保険業</t>
  </si>
  <si>
    <t>有期</t>
    <rPh sb="0" eb="2">
      <t>ユウキ</t>
    </rPh>
    <phoneticPr fontId="3"/>
  </si>
  <si>
    <t>不動産業・物品賃貸業</t>
  </si>
  <si>
    <t>宿泊業・飲食サービス業</t>
  </si>
  <si>
    <t>生活関連サービス業・娯楽業</t>
  </si>
  <si>
    <t>教育・学習支援業</t>
  </si>
  <si>
    <t>公務</t>
  </si>
  <si>
    <t>複合サービス事業</t>
  </si>
  <si>
    <t>その他（</t>
  </si>
  <si>
    <t>本人氏名</t>
    <rPh sb="0" eb="2">
      <t>ホンニン</t>
    </rPh>
    <rPh sb="2" eb="4">
      <t>シメイ</t>
    </rPh>
    <phoneticPr fontId="3"/>
  </si>
  <si>
    <t>生年
月日</t>
  </si>
  <si>
    <t>雇用の形態</t>
  </si>
  <si>
    <t>雇用(予定)期間等</t>
    <rPh sb="0" eb="2">
      <t>コヨウ</t>
    </rPh>
    <rPh sb="3" eb="5">
      <t>ヨテイ</t>
    </rPh>
    <rPh sb="6" eb="8">
      <t>キカン</t>
    </rPh>
    <rPh sb="8" eb="9">
      <t>トウ</t>
    </rPh>
    <phoneticPr fontId="3"/>
  </si>
  <si>
    <t>名称</t>
    <rPh sb="0" eb="2">
      <t>メイショウ</t>
    </rPh>
    <phoneticPr fontId="3"/>
  </si>
  <si>
    <t>正社員</t>
  </si>
  <si>
    <t>派遣社員</t>
  </si>
  <si>
    <t>会計年度任用職員</t>
  </si>
  <si>
    <t>有</t>
    <rPh sb="0" eb="1">
      <t>ア</t>
    </rPh>
    <phoneticPr fontId="3"/>
  </si>
  <si>
    <t>№9</t>
  </si>
  <si>
    <t>自営業主</t>
  </si>
  <si>
    <t>家族従業者</t>
  </si>
  <si>
    <t>事業所名</t>
  </si>
  <si>
    <t>内職</t>
  </si>
  <si>
    <t>業務委託</t>
    <rPh sb="0" eb="4">
      <t>ギョウムイタク</t>
    </rPh>
    <phoneticPr fontId="3"/>
  </si>
  <si>
    <t>日</t>
    <rPh sb="0" eb="1">
      <t>ヒ</t>
    </rPh>
    <phoneticPr fontId="3"/>
  </si>
  <si>
    <t>その他(</t>
  </si>
  <si>
    <t>)</t>
  </si>
  <si>
    <t>月</t>
    <rPh sb="0" eb="1">
      <t>ゲツ</t>
    </rPh>
    <phoneticPr fontId="3"/>
  </si>
  <si>
    <t>火</t>
    <rPh sb="0" eb="1">
      <t>カ</t>
    </rPh>
    <phoneticPr fontId="3"/>
  </si>
  <si>
    <t>水</t>
    <rPh sb="0" eb="1">
      <t>スイ</t>
    </rPh>
    <phoneticPr fontId="3"/>
  </si>
  <si>
    <t>木</t>
    <rPh sb="0" eb="1">
      <t>モク</t>
    </rPh>
    <phoneticPr fontId="3"/>
  </si>
  <si>
    <t>土</t>
    <rPh sb="0" eb="1">
      <t>ド</t>
    </rPh>
    <phoneticPr fontId="3"/>
  </si>
  <si>
    <t>祝日</t>
  </si>
  <si>
    <t>合計
時間</t>
  </si>
  <si>
    <t>月間</t>
    <rPh sb="0" eb="2">
      <t>ゲッカン</t>
    </rPh>
    <phoneticPr fontId="3"/>
  </si>
  <si>
    <t>時間</t>
    <rPh sb="0" eb="2">
      <t>ジカン</t>
    </rPh>
    <phoneticPr fontId="3"/>
  </si>
  <si>
    <t>分</t>
    <rPh sb="0" eb="1">
      <t>フン</t>
    </rPh>
    <phoneticPr fontId="3"/>
  </si>
  <si>
    <t>分）</t>
    <rPh sb="0" eb="1">
      <t>フン</t>
    </rPh>
    <phoneticPr fontId="3"/>
  </si>
  <si>
    <t>備考欄</t>
    <rPh sb="0" eb="2">
      <t>ビコウ</t>
    </rPh>
    <rPh sb="2" eb="3">
      <t>ラン</t>
    </rPh>
    <phoneticPr fontId="3"/>
  </si>
  <si>
    <t>一月当たりの就労日数</t>
    <rPh sb="0" eb="2">
      <t>ヒトツキ</t>
    </rPh>
    <rPh sb="2" eb="3">
      <t>ア</t>
    </rPh>
    <rPh sb="6" eb="8">
      <t>シュウロウ</t>
    </rPh>
    <rPh sb="8" eb="10">
      <t>ニッスウ</t>
    </rPh>
    <phoneticPr fontId="3"/>
  </si>
  <si>
    <t>一週当たりの就労日数</t>
    <rPh sb="0" eb="2">
      <t>イッシュウ</t>
    </rPh>
    <rPh sb="2" eb="3">
      <t>ア</t>
    </rPh>
    <rPh sb="6" eb="8">
      <t>シュウロウ</t>
    </rPh>
    <rPh sb="8" eb="10">
      <t>ニッスウ</t>
    </rPh>
    <phoneticPr fontId="3"/>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3"/>
  </si>
  <si>
    <t>週間</t>
    <rPh sb="0" eb="2">
      <t>シュウカン</t>
    </rPh>
    <phoneticPr fontId="3"/>
  </si>
  <si>
    <t>申込中（第一希望）</t>
  </si>
  <si>
    <t>平日</t>
    <rPh sb="0" eb="2">
      <t>ヘイジツ</t>
    </rPh>
    <phoneticPr fontId="3"/>
  </si>
  <si>
    <t>時</t>
    <rPh sb="0" eb="1">
      <t>ジ</t>
    </rPh>
    <phoneticPr fontId="3"/>
  </si>
  <si>
    <t>土曜</t>
    <rPh sb="0" eb="2">
      <t>ドヨウ</t>
    </rPh>
    <phoneticPr fontId="3"/>
  </si>
  <si>
    <t>日祝</t>
    <rPh sb="0" eb="1">
      <t>ニチ</t>
    </rPh>
    <rPh sb="1" eb="2">
      <t>シュク</t>
    </rPh>
    <phoneticPr fontId="3"/>
  </si>
  <si>
    <t>合計時間</t>
    <rPh sb="0" eb="2">
      <t>ゴウケイ</t>
    </rPh>
    <rPh sb="2" eb="4">
      <t>ジカン</t>
    </rPh>
    <phoneticPr fontId="3"/>
  </si>
  <si>
    <t>就労日数</t>
  </si>
  <si>
    <t>主な就労時間帯
・シフト時間帯</t>
    <rPh sb="0" eb="1">
      <t>オモ</t>
    </rPh>
    <rPh sb="2" eb="4">
      <t>シュウロウ</t>
    </rPh>
    <rPh sb="4" eb="6">
      <t>ジカン</t>
    </rPh>
    <rPh sb="6" eb="7">
      <t>タイ</t>
    </rPh>
    <rPh sb="12" eb="14">
      <t>ジカン</t>
    </rPh>
    <rPh sb="14" eb="15">
      <t>タイ</t>
    </rPh>
    <phoneticPr fontId="3"/>
  </si>
  <si>
    <t>時</t>
    <rPh sb="0" eb="1">
      <t>トキ</t>
    </rPh>
    <phoneticPr fontId="3"/>
  </si>
  <si>
    <t>年月</t>
    <rPh sb="0" eb="2">
      <t>ネンゲツ</t>
    </rPh>
    <phoneticPr fontId="3"/>
  </si>
  <si>
    <t>日／月</t>
  </si>
  <si>
    <t>時間／月</t>
    <rPh sb="0" eb="2">
      <t>ジカン</t>
    </rPh>
    <phoneticPr fontId="3"/>
  </si>
  <si>
    <t>№15</t>
  </si>
  <si>
    <t>№3</t>
  </si>
  <si>
    <t>取得予定</t>
    <rPh sb="0" eb="4">
      <t>シュトクヨテイ</t>
    </rPh>
    <phoneticPr fontId="3"/>
  </si>
  <si>
    <t>取得中</t>
    <rPh sb="0" eb="3">
      <t>シュトクチュウ</t>
    </rPh>
    <phoneticPr fontId="3"/>
  </si>
  <si>
    <t>期間</t>
    <rPh sb="0" eb="2">
      <t>キカン</t>
    </rPh>
    <phoneticPr fontId="3"/>
  </si>
  <si>
    <t>取得済み</t>
    <rPh sb="0" eb="3">
      <t>シュトクズ</t>
    </rPh>
    <phoneticPr fontId="3"/>
  </si>
  <si>
    <t>産休・育休以外の休業の
取得</t>
    <rPh sb="0" eb="2">
      <t>サンキュウ</t>
    </rPh>
    <rPh sb="3" eb="5">
      <t>イクキュウ</t>
    </rPh>
    <rPh sb="5" eb="7">
      <t>イガイ</t>
    </rPh>
    <rPh sb="8" eb="10">
      <t>キュウギョウ</t>
    </rPh>
    <rPh sb="12" eb="14">
      <t>シュトク</t>
    </rPh>
    <phoneticPr fontId="3"/>
  </si>
  <si>
    <t>理由</t>
    <rPh sb="0" eb="2">
      <t>リユウ</t>
    </rPh>
    <phoneticPr fontId="3"/>
  </si>
  <si>
    <t>介護休業</t>
    <rPh sb="0" eb="2">
      <t>カイゴ</t>
    </rPh>
    <rPh sb="2" eb="4">
      <t>キュウギョウ</t>
    </rPh>
    <phoneticPr fontId="3"/>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3"/>
  </si>
  <si>
    <t>病休</t>
    <rPh sb="0" eb="2">
      <t>ビョウキュウ</t>
    </rPh>
    <phoneticPr fontId="3"/>
  </si>
  <si>
    <t>その他（</t>
    <rPh sb="2" eb="3">
      <t>タ</t>
    </rPh>
    <phoneticPr fontId="3"/>
  </si>
  <si>
    <t>復職（予定）年月日</t>
    <rPh sb="0" eb="2">
      <t>フクショク</t>
    </rPh>
    <rPh sb="3" eb="5">
      <t>ヨテイ</t>
    </rPh>
    <rPh sb="6" eb="9">
      <t>ネンガッピ</t>
    </rPh>
    <phoneticPr fontId="3"/>
  </si>
  <si>
    <t>復職済み</t>
    <rPh sb="0" eb="3">
      <t>フクショクズ</t>
    </rPh>
    <phoneticPr fontId="3"/>
  </si>
  <si>
    <t>保育士等としての勤務実態の有無</t>
  </si>
  <si>
    <t>有（予定）</t>
    <rPh sb="0" eb="1">
      <t>ア</t>
    </rPh>
    <rPh sb="2" eb="4">
      <t>ヨテイ</t>
    </rPh>
    <phoneticPr fontId="3"/>
  </si>
  <si>
    <t>無</t>
    <rPh sb="0" eb="1">
      <t>ナ</t>
    </rPh>
    <phoneticPr fontId="3"/>
  </si>
  <si>
    <t>未定</t>
    <rPh sb="0" eb="2">
      <t>ミテイ</t>
    </rPh>
    <phoneticPr fontId="3"/>
  </si>
  <si>
    <r>
      <t xml:space="preserve">
①「No12」：育児のための短時間勤務制度の利用が「取得予定」・「取得中」の場合
　　⇒月間合計就労時間　【　　　　　　】時間　</t>
    </r>
    <r>
      <rPr>
        <u/>
        <sz val="14"/>
        <rFont val="BIZ UDP明朝 Medium"/>
        <family val="1"/>
        <charset val="128"/>
      </rPr>
      <t>（休憩時間を含み残業時間を除く）</t>
    </r>
    <rPh sb="9" eb="11">
      <t>イクジ</t>
    </rPh>
    <rPh sb="15" eb="22">
      <t>タンジカンキンムセイド</t>
    </rPh>
    <rPh sb="23" eb="25">
      <t>リヨウ</t>
    </rPh>
    <rPh sb="27" eb="31">
      <t>シュトクヨテイ</t>
    </rPh>
    <rPh sb="34" eb="37">
      <t>シュトクチュウ</t>
    </rPh>
    <rPh sb="39" eb="41">
      <t>バアイ</t>
    </rPh>
    <rPh sb="45" eb="46">
      <t>ツキ</t>
    </rPh>
    <rPh sb="46" eb="47">
      <t>アイダ</t>
    </rPh>
    <rPh sb="47" eb="49">
      <t>ゴウケイ</t>
    </rPh>
    <rPh sb="49" eb="53">
      <t>シュウロウジカン</t>
    </rPh>
    <rPh sb="62" eb="64">
      <t>ジカン</t>
    </rPh>
    <rPh sb="68" eb="70">
      <t>ジカン</t>
    </rPh>
    <rPh sb="75" eb="77">
      <t>ジカン</t>
    </rPh>
    <phoneticPr fontId="3"/>
  </si>
  <si>
    <t>（雇用契約の）満了後の
更新の有無</t>
  </si>
  <si>
    <t>○証明書発行事業所の電話番号を記載してください。</t>
    <rPh sb="10" eb="14">
      <t>デンワバンゴウ</t>
    </rPh>
    <phoneticPr fontId="3"/>
  </si>
  <si>
    <t>可</t>
  </si>
  <si>
    <t>否</t>
  </si>
  <si>
    <t>育休延長可否</t>
    <rPh sb="0" eb="2">
      <t>イクキュウ</t>
    </rPh>
    <rPh sb="2" eb="6">
      <t>エンチョウカヒ</t>
    </rPh>
    <phoneticPr fontId="3"/>
  </si>
  <si>
    <t>生年月日</t>
    <rPh sb="0" eb="2">
      <t>セイネン</t>
    </rPh>
    <rPh sb="2" eb="4">
      <t>ガッピ</t>
    </rPh>
    <phoneticPr fontId="3"/>
  </si>
  <si>
    <t>保護者記載欄</t>
    <rPh sb="0" eb="3">
      <t>ホゴシャ</t>
    </rPh>
    <rPh sb="3" eb="6">
      <t>キサイラン</t>
    </rPh>
    <phoneticPr fontId="3"/>
  </si>
  <si>
    <t>児童名</t>
  </si>
  <si>
    <t>生年月日</t>
    <rPh sb="0" eb="4">
      <t>セイネンガッピ</t>
    </rPh>
    <phoneticPr fontId="3"/>
  </si>
  <si>
    <t>施設名</t>
    <rPh sb="0" eb="2">
      <t>シセツ</t>
    </rPh>
    <rPh sb="2" eb="3">
      <t>メイ</t>
    </rPh>
    <phoneticPr fontId="3"/>
  </si>
  <si>
    <t>利用中</t>
  </si>
  <si>
    <t>児童名</t>
    <rPh sb="0" eb="3">
      <t>ジドウメイ</t>
    </rPh>
    <phoneticPr fontId="3"/>
  </si>
  <si>
    <t>市区町村名</t>
    <rPh sb="0" eb="4">
      <t>シクチョウソン</t>
    </rPh>
    <rPh sb="4" eb="5">
      <t>メイ</t>
    </rPh>
    <phoneticPr fontId="3"/>
  </si>
  <si>
    <t>施設名</t>
    <rPh sb="0" eb="3">
      <t>シセツメイ</t>
    </rPh>
    <phoneticPr fontId="3"/>
  </si>
  <si>
    <t>備考欄①</t>
    <rPh sb="0" eb="2">
      <t>ビコウ</t>
    </rPh>
    <rPh sb="2" eb="3">
      <t>ラン</t>
    </rPh>
    <phoneticPr fontId="3"/>
  </si>
  <si>
    <t>生年・実績</t>
    <rPh sb="0" eb="2">
      <t>セイネン</t>
    </rPh>
    <rPh sb="3" eb="5">
      <t>ジッセキ</t>
    </rPh>
    <phoneticPr fontId="3"/>
  </si>
  <si>
    <t>予定・実績</t>
    <rPh sb="0" eb="2">
      <t>ヨテイ</t>
    </rPh>
    <rPh sb="3" eb="5">
      <t>ジッセキ</t>
    </rPh>
    <phoneticPr fontId="3"/>
  </si>
  <si>
    <t>月</t>
    <rPh sb="0" eb="1">
      <t>ツキ</t>
    </rPh>
    <phoneticPr fontId="3"/>
  </si>
  <si>
    <t>休憩時間</t>
    <rPh sb="0" eb="2">
      <t>キュウケイ</t>
    </rPh>
    <rPh sb="2" eb="4">
      <t>ジカン</t>
    </rPh>
    <phoneticPr fontId="3"/>
  </si>
  <si>
    <t>チェックボックス</t>
  </si>
  <si>
    <t>№8</t>
  </si>
  <si>
    <t>☑</t>
  </si>
  <si>
    <t>戻</t>
    <rPh sb="0" eb="1">
      <t>モド</t>
    </rPh>
    <phoneticPr fontId="3"/>
  </si>
  <si>
    <t>【就労証明書（簡易版）】記載要領</t>
    <rPh sb="7" eb="10">
      <t>カンイバン</t>
    </rPh>
    <rPh sb="12" eb="14">
      <t>キサイ</t>
    </rPh>
    <rPh sb="14" eb="16">
      <t>ヨウリョウ</t>
    </rPh>
    <phoneticPr fontId="3"/>
  </si>
  <si>
    <t>■証明書を発行する事業者又は民生・児童委員に関する項目</t>
    <rPh sb="12" eb="13">
      <t>マタ</t>
    </rPh>
    <rPh sb="14" eb="16">
      <t>ミンセイ</t>
    </rPh>
    <rPh sb="17" eb="19">
      <t>ジドウ</t>
    </rPh>
    <rPh sb="19" eb="21">
      <t>イイン</t>
    </rPh>
    <rPh sb="25" eb="27">
      <t>コウモク</t>
    </rPh>
    <phoneticPr fontId="3"/>
  </si>
  <si>
    <t>○証明日（証明書発行日）を記載してください。
　※年の欄は西暦で記載してください。</t>
    <rPh sb="29" eb="31">
      <t>セイレキ</t>
    </rPh>
    <phoneticPr fontId="3"/>
  </si>
  <si>
    <t>○証明書を発行する事業者の名称（法人名）を記載してください。
　※証明書の発行に責任を持つ企業・組織・団体名等を記載してください。
　※個人事業主の場合は事業者の名称を記載してください。</t>
  </si>
  <si>
    <t xml:space="preserve">○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について追加記載が必要な場合は、この欄に記載してください。
○その他特記事項があれば、この欄に記載してください。
</t>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108" eb="110">
      <t>イクジ</t>
    </rPh>
    <rPh sb="110" eb="112">
      <t>キュウギョウ</t>
    </rPh>
    <rPh sb="112" eb="113">
      <t>オヨ</t>
    </rPh>
    <rPh sb="117" eb="119">
      <t>ツイカ</t>
    </rPh>
    <rPh sb="119" eb="121">
      <t>キサイ</t>
    </rPh>
    <rPh sb="122" eb="124">
      <t>ヒツヨウ</t>
    </rPh>
    <rPh sb="125" eb="127">
      <t>バアイ</t>
    </rPh>
    <rPh sb="131" eb="132">
      <t>ラン</t>
    </rPh>
    <rPh sb="147" eb="148">
      <t>タ</t>
    </rPh>
    <rPh sb="148" eb="150">
      <t>トッキ</t>
    </rPh>
    <rPh sb="150" eb="152">
      <t>ジコウ</t>
    </rPh>
    <rPh sb="159" eb="160">
      <t>ラン</t>
    </rPh>
    <phoneticPr fontId="3"/>
  </si>
  <si>
    <t>電話番号</t>
  </si>
  <si>
    <t>担当者名／記載者連絡先</t>
    <rPh sb="0" eb="3">
      <t>タントウシャ</t>
    </rPh>
    <rPh sb="3" eb="4">
      <t>メイ</t>
    </rPh>
    <rPh sb="5" eb="8">
      <t>キサイシャ</t>
    </rPh>
    <rPh sb="8" eb="11">
      <t>レンラクサキ</t>
    </rPh>
    <phoneticPr fontId="3"/>
  </si>
  <si>
    <t>○証明書の内容について、自治体からの事務的な連絡を受ける場合の担当者名/電話番号を記載してください。</t>
    <rPh sb="28" eb="30">
      <t>バアイ</t>
    </rPh>
    <rPh sb="31" eb="34">
      <t>タントウシャ</t>
    </rPh>
    <rPh sb="34" eb="35">
      <t>メイ</t>
    </rPh>
    <phoneticPr fontId="3"/>
  </si>
  <si>
    <t>■就労先事業者に関する事項</t>
    <rPh sb="1" eb="3">
      <t>シュウロウ</t>
    </rPh>
    <rPh sb="3" eb="4">
      <t>サキ</t>
    </rPh>
    <rPh sb="4" eb="7">
      <t>ジギョウシャ</t>
    </rPh>
    <rPh sb="8" eb="9">
      <t>カン</t>
    </rPh>
    <rPh sb="11" eb="13">
      <t>ジコウ</t>
    </rPh>
    <phoneticPr fontId="3"/>
  </si>
  <si>
    <t>№1</t>
  </si>
  <si>
    <t>■就労者に関する項目</t>
    <rPh sb="1" eb="4">
      <t>シュウロウシャ</t>
    </rPh>
    <rPh sb="8" eb="10">
      <t>コウモク</t>
    </rPh>
    <phoneticPr fontId="3"/>
  </si>
  <si>
    <t>№19</t>
  </si>
  <si>
    <t>№2</t>
  </si>
  <si>
    <t>フリガナ／本人氏名</t>
    <rPh sb="5" eb="7">
      <t>ホンニン</t>
    </rPh>
    <phoneticPr fontId="3"/>
  </si>
  <si>
    <t>○本人の氏名、フリガナを記載してください。</t>
    <rPh sb="1" eb="3">
      <t>ホンニン</t>
    </rPh>
    <phoneticPr fontId="3"/>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3"/>
  </si>
  <si>
    <t>■就労状態等に関する事項</t>
    <rPh sb="1" eb="3">
      <t>シュウロウ</t>
    </rPh>
    <rPh sb="3" eb="5">
      <t>ジョウタイ</t>
    </rPh>
    <rPh sb="5" eb="6">
      <t>トウ</t>
    </rPh>
    <rPh sb="7" eb="8">
      <t>カン</t>
    </rPh>
    <rPh sb="10" eb="12">
      <t>ジコウ</t>
    </rPh>
    <phoneticPr fontId="3"/>
  </si>
  <si>
    <t>雇用(予定)期間等</t>
  </si>
  <si>
    <t>№4</t>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3"/>
  </si>
  <si>
    <t>№5</t>
  </si>
  <si>
    <t>№6</t>
  </si>
  <si>
    <t>就労時間
（変則就労の場合）</t>
  </si>
  <si>
    <r>
      <t xml:space="preserve">育児休業の取得
</t>
    </r>
    <r>
      <rPr>
        <sz val="11"/>
        <color theme="1"/>
        <rFont val="BIZ UDP明朝 Medium"/>
        <family val="1"/>
        <charset val="128"/>
      </rPr>
      <t>※取得予定を含む</t>
    </r>
    <rPh sb="0" eb="2">
      <t>イクジ</t>
    </rPh>
    <rPh sb="2" eb="4">
      <t>キュウギョウ</t>
    </rPh>
    <rPh sb="5" eb="7">
      <t>シュトク</t>
    </rPh>
    <rPh sb="9" eb="11">
      <t>シュトク</t>
    </rPh>
    <rPh sb="11" eb="13">
      <t>ヨテイ</t>
    </rPh>
    <rPh sb="14" eb="15">
      <t>フク</t>
    </rPh>
    <phoneticPr fontId="3"/>
  </si>
  <si>
    <t>№7</t>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3"/>
  </si>
  <si>
    <t>産前・産後休業の取得
※取得予定を含む</t>
    <rPh sb="12" eb="14">
      <t>シュトク</t>
    </rPh>
    <rPh sb="14" eb="16">
      <t>ヨテイ</t>
    </rPh>
    <rPh sb="17" eb="18">
      <t>フク</t>
    </rPh>
    <phoneticPr fontId="3"/>
  </si>
  <si>
    <t>育児休業の取得
※取得予定を含む</t>
    <rPh sb="0" eb="2">
      <t>イクジ</t>
    </rPh>
    <rPh sb="2" eb="4">
      <t>キュウギョウ</t>
    </rPh>
    <rPh sb="5" eb="7">
      <t>シュトク</t>
    </rPh>
    <rPh sb="9" eb="11">
      <t>シュトク</t>
    </rPh>
    <rPh sb="11" eb="13">
      <t>ヨテイ</t>
    </rPh>
    <rPh sb="14" eb="15">
      <t>フク</t>
    </rPh>
    <phoneticPr fontId="3"/>
  </si>
  <si>
    <t>復職（予定）年月日</t>
  </si>
  <si>
    <t>■その他の項目</t>
    <rPh sb="3" eb="4">
      <t>タ</t>
    </rPh>
    <rPh sb="5" eb="7">
      <t>コウモク</t>
    </rPh>
    <phoneticPr fontId="3"/>
  </si>
  <si>
    <t>№13</t>
  </si>
  <si>
    <t>保育士としての勤務実態の有無</t>
    <rPh sb="0" eb="3">
      <t>ホイクシ</t>
    </rPh>
    <rPh sb="7" eb="9">
      <t>キンム</t>
    </rPh>
    <rPh sb="9" eb="11">
      <t>ジッタイ</t>
    </rPh>
    <rPh sb="12" eb="14">
      <t>ウム</t>
    </rPh>
    <phoneticPr fontId="3"/>
  </si>
  <si>
    <t>■追加の項目</t>
    <rPh sb="1" eb="3">
      <t>ツイカ</t>
    </rPh>
    <rPh sb="4" eb="6">
      <t>コウモク</t>
    </rPh>
    <phoneticPr fontId="3"/>
  </si>
  <si>
    <t>№14</t>
  </si>
  <si>
    <t xml:space="preserve">○雇用期間について「□有期」をチェックした場合は契約満了後の更新の有無について「□有」「□有（予定）」「□無」「□未定」のいずれかにチェックしてください。 </t>
  </si>
  <si>
    <t>入所が内定した場合の育児休業の短縮可否</t>
  </si>
  <si>
    <t>○育児休業の終了予定日よりも前の日時での保育所等の入所が内定した場合、育児休業を短縮し、入所内定日から復職することについて、「□可」「□可（予定）」「□否」にチェックしてください。</t>
  </si>
  <si>
    <t xml:space="preserve">№16 </t>
  </si>
  <si>
    <t>№17</t>
  </si>
  <si>
    <t>※休憩時間を含み残業時間を除く</t>
    <rPh sb="1" eb="3">
      <t>キュウケイ</t>
    </rPh>
    <rPh sb="3" eb="5">
      <t>ジカン</t>
    </rPh>
    <rPh sb="6" eb="7">
      <t>フク</t>
    </rPh>
    <rPh sb="8" eb="10">
      <t>ザンギョウ</t>
    </rPh>
    <rPh sb="10" eb="12">
      <t>ジカン</t>
    </rPh>
    <rPh sb="13" eb="14">
      <t>ノゾ</t>
    </rPh>
    <phoneticPr fontId="3"/>
  </si>
  <si>
    <t>富山市長</t>
    <rPh sb="0" eb="4">
      <t>トヤマシチョウ</t>
    </rPh>
    <phoneticPr fontId="3"/>
  </si>
  <si>
    <t>〇単身赴任期間（予定含む）を記載してください。</t>
    <rPh sb="1" eb="5">
      <t>タンシン</t>
    </rPh>
    <rPh sb="5" eb="7">
      <t>キカン</t>
    </rPh>
    <rPh sb="8" eb="10">
      <t>ヨテイ</t>
    </rPh>
    <rPh sb="10" eb="11">
      <t>フク</t>
    </rPh>
    <rPh sb="14" eb="16">
      <t>キサイ</t>
    </rPh>
    <phoneticPr fontId="3"/>
  </si>
  <si>
    <t>記載不要です。</t>
    <rPh sb="0" eb="4">
      <t>キサイフヨウ</t>
    </rPh>
    <phoneticPr fontId="3"/>
  </si>
  <si>
    <t xml:space="preserve">
○右上欄に記載の所在地（証明書発行事業所住所）と異なる場合は本人が実際に働いている勤務先の住所を記載してください。
　※実際に働いている就労場所が複数存在する場合は、主たる就労先の住所を記載してください。
　※就労場所が存在しない場合には、自宅等就労時に本人が主として存在している場所を記載してください。</t>
    <rPh sb="2" eb="4">
      <t>ミギウエ</t>
    </rPh>
    <rPh sb="4" eb="5">
      <t>ラン</t>
    </rPh>
    <rPh sb="6" eb="8">
      <t>キサイ</t>
    </rPh>
    <rPh sb="9" eb="12">
      <t>ショザイチ</t>
    </rPh>
    <rPh sb="34" eb="36">
      <t>ジッサイ</t>
    </rPh>
    <rPh sb="42" eb="45">
      <t>キンムサキ</t>
    </rPh>
    <rPh sb="49" eb="51">
      <t>キサイ</t>
    </rPh>
    <rPh sb="61" eb="63">
      <t>ジッサイ</t>
    </rPh>
    <rPh sb="64" eb="65">
      <t>ハタラ</t>
    </rPh>
    <rPh sb="69" eb="71">
      <t>シュウロウ</t>
    </rPh>
    <rPh sb="87" eb="89">
      <t>シュウロウ</t>
    </rPh>
    <rPh sb="106" eb="108">
      <t>シュウロウ</t>
    </rPh>
    <rPh sb="131" eb="132">
      <t>シュ</t>
    </rPh>
    <phoneticPr fontId="3"/>
  </si>
  <si>
    <t>○雇用期間について「□無期」か「□有期」にチェック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si>
  <si>
    <t xml:space="preserve">○「月・火・水・木・金・土・日・祝日」のうち、通常の就労日について該当する項目にチェックしてください。［複数選択可］
○就労の合計時間（月間）についてを記載してください。
　※「雇用契約に基づく就労時間」であり、実際に就労した時間（実績）ではありません。育児
　　短時間勤務制度を利用している場合でも、制度利用前の就労時間数を記載してください。
　※雇用契約上、週当たりの就労時間が定められている場合
　　→４（週）を乗じた時間を記載してください。
　※雇用契約上、年当たりの就労時間が定められている場合
　　→12（月）で除した時間を記載してください。
　※雇用契約上の就労時間であるため、残業時間は除いてください。
　※休憩時間（就業規則等で定められている休憩に限る。）は含める。
　　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
　　→週当たりの就労日数欄には、４（週）で除した日数を記載してください。
　※雇用契約上、週当たりの就労日数が定められている場合
　　→月当たりの就労日数欄には、４（週）を乗じた日数を記載してください。
　※雇用契約上、年当たりの就労日数が定められている場合
　　→月当たりの就労日数欄には12（月）で除した日数、週当たりの就労日数欄には48（週）で
　　除した日数を記載してください。
○就労時間帯は、「24時間表記」で記載してください。
　※夜間勤務など日をまたぐ場合には、０時～29時の幅（例：22時から翌朝５時まで就労する
　　場合は「22時00分～29時00分」）で記載してください。
○平日、土曜、日祝毎に就労時間時間帯を記載してください。
　※休憩時間（就業規則等で定められている休憩に限る。）は含め、当該時間帯における就業
　　規則等で定められている休憩時間数（分）についても記載してください。
　※平日、土曜、日祝のいずれか就労がない場合は空欄。
</t>
    <rPh sb="2" eb="3">
      <t>ゲツ</t>
    </rPh>
    <rPh sb="6" eb="7">
      <t>スイ</t>
    </rPh>
    <rPh sb="8" eb="9">
      <t>モク</t>
    </rPh>
    <rPh sb="14" eb="15">
      <t>ニチ</t>
    </rPh>
    <rPh sb="16" eb="18">
      <t>シュクジツ</t>
    </rPh>
    <rPh sb="52" eb="54">
      <t>フクスウ</t>
    </rPh>
    <rPh sb="54" eb="56">
      <t>センタク</t>
    </rPh>
    <rPh sb="128" eb="130">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235" eb="236">
      <t>ア</t>
    </rPh>
    <rPh sb="281" eb="283">
      <t>コヨウ</t>
    </rPh>
    <rPh sb="283" eb="285">
      <t>ケイヤク</t>
    </rPh>
    <rPh sb="285" eb="286">
      <t>ジョウ</t>
    </rPh>
    <rPh sb="287" eb="289">
      <t>シュウロウ</t>
    </rPh>
    <rPh sb="289" eb="291">
      <t>ジカン</t>
    </rPh>
    <rPh sb="339" eb="340">
      <t>フク</t>
    </rPh>
    <rPh sb="346" eb="348">
      <t>シュウギョウ</t>
    </rPh>
    <rPh sb="348" eb="350">
      <t>キソク</t>
    </rPh>
    <rPh sb="350" eb="351">
      <t>トウ</t>
    </rPh>
    <rPh sb="352" eb="353">
      <t>サダ</t>
    </rPh>
    <rPh sb="359" eb="361">
      <t>キュウケイ</t>
    </rPh>
    <rPh sb="361" eb="363">
      <t>ジカン</t>
    </rPh>
    <rPh sb="364" eb="366">
      <t>ゲッカン</t>
    </rPh>
    <rPh sb="367" eb="369">
      <t>ゴウケイ</t>
    </rPh>
    <rPh sb="369" eb="371">
      <t>ジカン</t>
    </rPh>
    <rPh sb="371" eb="372">
      <t>スウ</t>
    </rPh>
    <rPh sb="389" eb="391">
      <t>ヒトツキ</t>
    </rPh>
    <rPh sb="391" eb="392">
      <t>ア</t>
    </rPh>
    <rPh sb="711" eb="713">
      <t>ヤカン</t>
    </rPh>
    <rPh sb="713" eb="715">
      <t>キンム</t>
    </rPh>
    <rPh sb="717" eb="718">
      <t>ヒ</t>
    </rPh>
    <rPh sb="722" eb="724">
      <t>バアイ</t>
    </rPh>
    <rPh sb="728" eb="729">
      <t>ジ</t>
    </rPh>
    <rPh sb="732" eb="733">
      <t>ジ</t>
    </rPh>
    <rPh sb="734" eb="735">
      <t>ハバ</t>
    </rPh>
    <rPh sb="736" eb="737">
      <t>タト</t>
    </rPh>
    <rPh sb="740" eb="741">
      <t>ジ</t>
    </rPh>
    <rPh sb="743" eb="745">
      <t>ヨクアサ</t>
    </rPh>
    <rPh sb="746" eb="747">
      <t>ジ</t>
    </rPh>
    <rPh sb="749" eb="751">
      <t>シュウロウ</t>
    </rPh>
    <rPh sb="756" eb="758">
      <t>バアイ</t>
    </rPh>
    <rPh sb="762" eb="763">
      <t>ジ</t>
    </rPh>
    <rPh sb="765" eb="766">
      <t>フン</t>
    </rPh>
    <rPh sb="769" eb="770">
      <t>ジ</t>
    </rPh>
    <rPh sb="772" eb="773">
      <t>フン</t>
    </rPh>
    <rPh sb="794" eb="795">
      <t>ニチ</t>
    </rPh>
    <rPh sb="798" eb="802">
      <t>シュウロウジカン</t>
    </rPh>
    <rPh sb="802" eb="805">
      <t>ジカンタイ</t>
    </rPh>
    <rPh sb="847" eb="849">
      <t>トウガイ</t>
    </rPh>
    <rPh sb="849" eb="852">
      <t>ジカンタイ</t>
    </rPh>
    <rPh sb="876" eb="877">
      <t>スウ</t>
    </rPh>
    <rPh sb="878" eb="879">
      <t>フン</t>
    </rPh>
    <rPh sb="904" eb="905">
      <t>シュク</t>
    </rPh>
    <phoneticPr fontId="3"/>
  </si>
  <si>
    <t>○日々の就労時間が定められていない就労者について、雇用契約に基づく就労時間を記載してください。
○月間（また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
　　→５（日）を乗じて、「週間」の就労時間を記載してください。
　※週間の労働時間を記載する場合
　　→当該時間に４を乗した時間数を月の就労時間とみなす。
　※雇用契約上の就労時間であるため、残業時間は除く。
　※休憩時間（就業規則等で定められている休憩に限る。）は含める。
就業規則等で定められている休憩時間の月間（または週間）の合計時間数についても記載してください。
○一月当たり（または一週当たり）の就労日数について記載してください。
　※雇用契約に基づく就労日数であり、実際に就労した日数（実績）ではありません。
　※雇用契約上、年当たりの就労日数が定められている場合
　→月当たりの就労日数欄には12（月）で除した日数、週当たりの就労日数欄には48（週）で除した日数を記載してください。
○就労時間帯は、「24時間表記」で記載してください。
　※夜間勤務など日をまたぐ場合には、０時～29時の幅（例：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してください。
　</t>
    <rPh sb="143" eb="145">
      <t>セイド</t>
    </rPh>
    <rPh sb="145" eb="147">
      <t>リヨウ</t>
    </rPh>
    <rPh sb="147" eb="148">
      <t>マエ</t>
    </rPh>
    <rPh sb="149" eb="151">
      <t>シュウギョウ</t>
    </rPh>
    <rPh sb="151" eb="153">
      <t>キソク</t>
    </rPh>
    <rPh sb="234" eb="236">
      <t>シュウカン</t>
    </rPh>
    <rPh sb="237" eb="239">
      <t>ロウドウ</t>
    </rPh>
    <rPh sb="239" eb="241">
      <t>ジカン</t>
    </rPh>
    <rPh sb="242" eb="244">
      <t>キサイ</t>
    </rPh>
    <rPh sb="246" eb="248">
      <t>バアイ</t>
    </rPh>
    <rPh sb="252" eb="254">
      <t>トウガイ</t>
    </rPh>
    <rPh sb="254" eb="256">
      <t>ジカン</t>
    </rPh>
    <rPh sb="259" eb="260">
      <t>ジョウ</t>
    </rPh>
    <rPh sb="262" eb="265">
      <t>ジカンスウ</t>
    </rPh>
    <rPh sb="266" eb="267">
      <t>ツキ</t>
    </rPh>
    <rPh sb="268" eb="270">
      <t>シュウロウ</t>
    </rPh>
    <rPh sb="270" eb="272">
      <t>ジカン</t>
    </rPh>
    <rPh sb="280" eb="282">
      <t>コヨウ</t>
    </rPh>
    <rPh sb="370" eb="371">
      <t>スウ</t>
    </rPh>
    <rPh sb="654" eb="655">
      <t>オモ</t>
    </rPh>
    <rPh sb="656" eb="658">
      <t>シュウロウ</t>
    </rPh>
    <rPh sb="658" eb="661">
      <t>ジカンタイ</t>
    </rPh>
    <rPh sb="665" eb="668">
      <t>ジカンタイ</t>
    </rPh>
    <rPh sb="673" eb="674">
      <t>モット</t>
    </rPh>
    <rPh sb="675" eb="678">
      <t>カノウセイ</t>
    </rPh>
    <rPh sb="679" eb="680">
      <t>タカ</t>
    </rPh>
    <rPh sb="682" eb="684">
      <t>キンム</t>
    </rPh>
    <rPh sb="684" eb="686">
      <t>カイスウ</t>
    </rPh>
    <rPh sb="687" eb="688">
      <t>オオ</t>
    </rPh>
    <rPh sb="690" eb="693">
      <t>ジカンタイ</t>
    </rPh>
    <rPh sb="706" eb="708">
      <t>コヨウ</t>
    </rPh>
    <rPh sb="708" eb="710">
      <t>ケイヤク</t>
    </rPh>
    <rPh sb="710" eb="711">
      <t>ジョウ</t>
    </rPh>
    <rPh sb="717" eb="718">
      <t>トウ</t>
    </rPh>
    <rPh sb="719" eb="720">
      <t>サダ</t>
    </rPh>
    <rPh sb="724" eb="726">
      <t>バアイ</t>
    </rPh>
    <rPh sb="728" eb="730">
      <t>ソウテイ</t>
    </rPh>
    <rPh sb="733" eb="734">
      <t>モット</t>
    </rPh>
    <rPh sb="735" eb="738">
      <t>ヒョウジュンテキ</t>
    </rPh>
    <rPh sb="739" eb="742">
      <t>ジカンタイ</t>
    </rPh>
    <phoneticPr fontId="3"/>
  </si>
  <si>
    <t>No.18</t>
  </si>
  <si>
    <t>　</t>
  </si>
  <si>
    <t>○育児休業の取得について「□取得予定」か「□取得中」か「□取得済み」にチェックしてください。
　※「取得予定」・「取得中」の場合は「No.15入所内定時育休短縮可否」も記載してください。
　※法令上の育児休業に限らず法人独自の就業規則等に基づいた休業も含む。
　※終期が確定していない場合でも終了予定日を記載してください。
　※取得済みの場合は取得実績を記載してください。
　※複数該当する場合
　　→証明日の状況に一番近いものを「No.９」に記載してください。
　　→その他（または過去）に取得したものは備考欄（下部余白部分）に記載してください。
　※年の欄は西暦で記載してください。
　</t>
    <rPh sb="31" eb="32">
      <t>ズ</t>
    </rPh>
    <rPh sb="50" eb="54">
      <t>シュトクヨテイ</t>
    </rPh>
    <rPh sb="57" eb="60">
      <t>シュトクチュウ</t>
    </rPh>
    <rPh sb="62" eb="64">
      <t>バアイ</t>
    </rPh>
    <rPh sb="172" eb="174">
      <t>シュトク</t>
    </rPh>
    <rPh sb="189" eb="193">
      <t>フクスウガイトウ</t>
    </rPh>
    <rPh sb="195" eb="197">
      <t>バアイ</t>
    </rPh>
    <rPh sb="201" eb="204">
      <t>ショウメイビ</t>
    </rPh>
    <rPh sb="205" eb="207">
      <t>ジョウキョウ</t>
    </rPh>
    <rPh sb="208" eb="210">
      <t>イチバン</t>
    </rPh>
    <rPh sb="210" eb="211">
      <t>チカ</t>
    </rPh>
    <rPh sb="222" eb="224">
      <t>キサイ</t>
    </rPh>
    <rPh sb="237" eb="238">
      <t>タ</t>
    </rPh>
    <rPh sb="242" eb="244">
      <t>カコ</t>
    </rPh>
    <rPh sb="246" eb="248">
      <t>シュトク</t>
    </rPh>
    <rPh sb="253" eb="256">
      <t>ビコウラン</t>
    </rPh>
    <rPh sb="257" eb="263">
      <t>カブヨハクブブン</t>
    </rPh>
    <rPh sb="265" eb="267">
      <t>キサイ</t>
    </rPh>
    <rPh sb="277" eb="278">
      <t>トシ</t>
    </rPh>
    <rPh sb="279" eb="280">
      <t>ラン</t>
    </rPh>
    <rPh sb="281" eb="283">
      <t>セイレキ</t>
    </rPh>
    <rPh sb="284" eb="286">
      <t>キサイ</t>
    </rPh>
    <phoneticPr fontId="3"/>
  </si>
  <si>
    <t>〇児童名を記載してください。
〇児童の生年月日を記載してください。
〇施設の名称を記載してください。また、「□利用中」「□申込中（第一希望）」にチェックしてください。</t>
    <rPh sb="5" eb="7">
      <t>キサイ</t>
    </rPh>
    <rPh sb="25" eb="27">
      <t>キサイ</t>
    </rPh>
    <rPh sb="67" eb="71">
      <t>ダイイチキボウ</t>
    </rPh>
    <phoneticPr fontId="3"/>
  </si>
  <si>
    <t>○産前・産後休業の取得について「□取得予定」か「□取得中」にチェックしてください。
　※法令上の産前・産後休業に限らず法人独自の就業規則等に基づいた休業も含みます。
　※終了日が確定していない場合でも終了予定日を記載してください。
　※年の欄は西暦で記載してください。</t>
    <rPh sb="64" eb="66">
      <t>シュウギョウ</t>
    </rPh>
    <rPh sb="66" eb="68">
      <t>キソク</t>
    </rPh>
    <rPh sb="68" eb="69">
      <t>トウ</t>
    </rPh>
    <rPh sb="70" eb="71">
      <t>モト</t>
    </rPh>
    <rPh sb="74" eb="76">
      <t>キュウギョウ</t>
    </rPh>
    <rPh sb="85" eb="88">
      <t>シュウリョウビ</t>
    </rPh>
    <rPh sb="89" eb="91">
      <t>カクテイ</t>
    </rPh>
    <rPh sb="96" eb="98">
      <t>バアイ</t>
    </rPh>
    <rPh sb="100" eb="102">
      <t>シュウリョウ</t>
    </rPh>
    <rPh sb="102" eb="104">
      <t>ヨテイ</t>
    </rPh>
    <rPh sb="106" eb="108">
      <t>キサイ</t>
    </rPh>
    <phoneticPr fontId="3"/>
  </si>
  <si>
    <t>○保育士、幼稚園教諭、保育教諭としての勤務実態の有無について「□有」、「□有（予定）」、「□無」にチェックしてください。</t>
    <rPh sb="19" eb="21">
      <t>キンム</t>
    </rPh>
    <rPh sb="21" eb="23">
      <t>ジッタイ</t>
    </rPh>
    <rPh sb="24" eb="26">
      <t>ウム</t>
    </rPh>
    <rPh sb="32" eb="33">
      <t>アリ</t>
    </rPh>
    <rPh sb="37" eb="38">
      <t>アリ</t>
    </rPh>
    <rPh sb="39" eb="41">
      <t>ヨテイ</t>
    </rPh>
    <rPh sb="46" eb="47">
      <t>ナ</t>
    </rPh>
    <phoneticPr fontId="3"/>
  </si>
  <si>
    <t>（雇用契約の）満了後の更新の有無</t>
  </si>
  <si>
    <t>備考欄（下部余白部分）</t>
    <rPh sb="0" eb="3">
      <t>ビコウラン</t>
    </rPh>
    <rPh sb="4" eb="9">
      <t>カブヨハクブ</t>
    </rPh>
    <rPh sb="9" eb="10">
      <t>ブン</t>
    </rPh>
    <phoneticPr fontId="3"/>
  </si>
  <si>
    <t>№10</t>
  </si>
  <si>
    <t>№12</t>
  </si>
  <si>
    <t>○代表者（法人の代表者や個人事業主）の氏名を記載してください。
　※「代表者に該当する者がいない場合」・「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5" eb="38">
      <t>ダイヒョウシャ</t>
    </rPh>
    <rPh sb="39" eb="41">
      <t>ガイトウ</t>
    </rPh>
    <rPh sb="43" eb="44">
      <t>シャ</t>
    </rPh>
    <rPh sb="48" eb="50">
      <t>バアイ</t>
    </rPh>
    <rPh sb="53" eb="56">
      <t>ジギョウショ</t>
    </rPh>
    <rPh sb="56" eb="57">
      <t>ガワ</t>
    </rPh>
    <rPh sb="58" eb="60">
      <t>ショウメイ</t>
    </rPh>
    <rPh sb="60" eb="62">
      <t>ケンゲン</t>
    </rPh>
    <rPh sb="63" eb="65">
      <t>ダイヒョウ</t>
    </rPh>
    <rPh sb="65" eb="66">
      <t>シャ</t>
    </rPh>
    <rPh sb="66" eb="68">
      <t>イガイ</t>
    </rPh>
    <rPh sb="69" eb="71">
      <t>フヨ</t>
    </rPh>
    <rPh sb="75" eb="77">
      <t>バアイ</t>
    </rPh>
    <rPh sb="82" eb="84">
      <t>トウガイ</t>
    </rPh>
    <rPh sb="84" eb="86">
      <t>ショウメイ</t>
    </rPh>
    <rPh sb="86" eb="88">
      <t>ケンゲン</t>
    </rPh>
    <rPh sb="89" eb="90">
      <t>ユウ</t>
    </rPh>
    <rPh sb="107" eb="109">
      <t>シメイ</t>
    </rPh>
    <phoneticPr fontId="3"/>
  </si>
  <si>
    <t>○育児のための短時間勤務制度の利用により、就業規則上の通常の就労時間（No.６に記載の時間）より短い就労時間（就業規則上の特則等いわゆる時短勤務）とする予定である（またはしている）場合について、「□取得予定」か「□取得中」かにチェック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
　※「□取得予定」・「□取得中」の場合は「備考欄①」も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129" eb="132">
      <t>タンジカン</t>
    </rPh>
    <rPh sb="132" eb="134">
      <t>キンム</t>
    </rPh>
    <rPh sb="134" eb="136">
      <t>セイド</t>
    </rPh>
    <rPh sb="137" eb="139">
      <t>リヨウ</t>
    </rPh>
    <rPh sb="140" eb="142">
      <t>ヨテイ</t>
    </rPh>
    <rPh sb="143" eb="145">
      <t>キカン</t>
    </rPh>
    <rPh sb="145" eb="146">
      <t>オヨ</t>
    </rPh>
    <rPh sb="151" eb="154">
      <t>タンジカン</t>
    </rPh>
    <rPh sb="154" eb="156">
      <t>キンム</t>
    </rPh>
    <rPh sb="156" eb="158">
      <t>セイド</t>
    </rPh>
    <rPh sb="158" eb="160">
      <t>リヨウ</t>
    </rPh>
    <rPh sb="160" eb="161">
      <t>ジ</t>
    </rPh>
    <rPh sb="162" eb="163">
      <t>オモ</t>
    </rPh>
    <rPh sb="164" eb="166">
      <t>シュウロウ</t>
    </rPh>
    <rPh sb="166" eb="169">
      <t>ジカンタイ</t>
    </rPh>
    <rPh sb="170" eb="172">
      <t>キンム</t>
    </rPh>
    <rPh sb="172" eb="174">
      <t>タイセイ</t>
    </rPh>
    <rPh sb="174" eb="176">
      <t>ヘンコウ</t>
    </rPh>
    <rPh sb="176" eb="177">
      <t>ゴ</t>
    </rPh>
    <rPh sb="178" eb="180">
      <t>シュウロウ</t>
    </rPh>
    <rPh sb="180" eb="183">
      <t>ジカンタイ</t>
    </rPh>
    <rPh sb="189" eb="191">
      <t>キサイ</t>
    </rPh>
    <rPh sb="207" eb="210">
      <t>タンジカン</t>
    </rPh>
    <rPh sb="210" eb="212">
      <t>キンム</t>
    </rPh>
    <rPh sb="212" eb="214">
      <t>セイド</t>
    </rPh>
    <rPh sb="214" eb="216">
      <t>リヨウ</t>
    </rPh>
    <rPh sb="216" eb="217">
      <t>マエ</t>
    </rPh>
    <rPh sb="218" eb="220">
      <t>シュウロウ</t>
    </rPh>
    <rPh sb="220" eb="223">
      <t>ジカンタイ</t>
    </rPh>
    <rPh sb="231" eb="234">
      <t>タンジカン</t>
    </rPh>
    <rPh sb="234" eb="236">
      <t>キンム</t>
    </rPh>
    <rPh sb="236" eb="238">
      <t>セイド</t>
    </rPh>
    <rPh sb="238" eb="240">
      <t>リヨウ</t>
    </rPh>
    <rPh sb="240" eb="241">
      <t>アト</t>
    </rPh>
    <rPh sb="242" eb="244">
      <t>シュウロウ</t>
    </rPh>
    <rPh sb="244" eb="247">
      <t>ジカンタイ</t>
    </rPh>
    <rPh sb="260" eb="261">
      <t>ネン</t>
    </rPh>
    <rPh sb="262" eb="263">
      <t>ラン</t>
    </rPh>
    <rPh sb="264" eb="266">
      <t>セイレキ</t>
    </rPh>
    <rPh sb="267" eb="269">
      <t>キサイ</t>
    </rPh>
    <rPh sb="282" eb="286">
      <t>シュトクヨテイ</t>
    </rPh>
    <rPh sb="290" eb="293">
      <t>シュトクチュウ</t>
    </rPh>
    <rPh sb="295" eb="297">
      <t>バアイ</t>
    </rPh>
    <phoneticPr fontId="3"/>
  </si>
  <si>
    <t>○雇用の形態について該当する項目にチェックしてください。
　※自営業の場合は、「自営業主」・「自営業専従者」・「家族従業者（自営業主と親族関係にある生計を一にする者で、その自営業主の営む事業に無給で従事している者）」のいずれかにチェックしてください。
　※「契約社員」等の場合で、「会計年度任用職員」にも該当する場合は、「会計年度任用職員」にチェックしてください。
　※「パート・アルバイト」「派遣社員」「契約社員」「会計年度任用職員」のいずれにも該当しない「非常勤・臨時職員」である場合、「非常勤・臨時職員」にチェックしてください。
　※雇用の形態に該当する項目がない場合は「□その他」にチェックし、簡潔に記載してください。</t>
    <rPh sb="1" eb="3">
      <t>コヨウ</t>
    </rPh>
    <rPh sb="31" eb="34">
      <t>ジエイギョウ</t>
    </rPh>
    <rPh sb="35" eb="37">
      <t>バアイ</t>
    </rPh>
    <rPh sb="40" eb="43">
      <t>ジエイギョウ</t>
    </rPh>
    <rPh sb="43" eb="44">
      <t>ヌシ</t>
    </rPh>
    <rPh sb="47" eb="50">
      <t>ジエイギョウ</t>
    </rPh>
    <rPh sb="50" eb="53">
      <t>センジュウシャ</t>
    </rPh>
    <rPh sb="56" eb="58">
      <t>カゾク</t>
    </rPh>
    <rPh sb="58" eb="61">
      <t>ジュウギョウシャ</t>
    </rPh>
    <rPh sb="129" eb="131">
      <t>ケイヤク</t>
    </rPh>
    <rPh sb="131" eb="133">
      <t>シャイン</t>
    </rPh>
    <rPh sb="134" eb="135">
      <t>トウ</t>
    </rPh>
    <rPh sb="136" eb="138">
      <t>バアイ</t>
    </rPh>
    <rPh sb="141" eb="143">
      <t>カイケイ</t>
    </rPh>
    <rPh sb="143" eb="145">
      <t>ネンド</t>
    </rPh>
    <rPh sb="145" eb="147">
      <t>ニンヨウ</t>
    </rPh>
    <rPh sb="147" eb="149">
      <t>ショクイン</t>
    </rPh>
    <rPh sb="152" eb="154">
      <t>ガイトウ</t>
    </rPh>
    <rPh sb="156" eb="158">
      <t>バアイ</t>
    </rPh>
    <rPh sb="161" eb="163">
      <t>カイケイ</t>
    </rPh>
    <rPh sb="163" eb="165">
      <t>ネンド</t>
    </rPh>
    <rPh sb="165" eb="167">
      <t>ニンヨウ</t>
    </rPh>
    <rPh sb="167" eb="169">
      <t>ショクイン</t>
    </rPh>
    <rPh sb="197" eb="199">
      <t>ハケン</t>
    </rPh>
    <rPh sb="199" eb="201">
      <t>シャイン</t>
    </rPh>
    <rPh sb="203" eb="205">
      <t>ケイヤク</t>
    </rPh>
    <rPh sb="205" eb="207">
      <t>シャイン</t>
    </rPh>
    <rPh sb="209" eb="211">
      <t>カイケイ</t>
    </rPh>
    <rPh sb="211" eb="213">
      <t>ネンド</t>
    </rPh>
    <rPh sb="213" eb="215">
      <t>ニンヨウ</t>
    </rPh>
    <rPh sb="215" eb="217">
      <t>ショクイン</t>
    </rPh>
    <rPh sb="224" eb="226">
      <t>ガイトウ</t>
    </rPh>
    <rPh sb="230" eb="233">
      <t>ヒジョウキン</t>
    </rPh>
    <rPh sb="234" eb="236">
      <t>リンジ</t>
    </rPh>
    <rPh sb="236" eb="238">
      <t>ショクイン</t>
    </rPh>
    <rPh sb="242" eb="244">
      <t>バアイ</t>
    </rPh>
    <rPh sb="246" eb="249">
      <t>ヒジョウキン</t>
    </rPh>
    <rPh sb="250" eb="252">
      <t>リンジ</t>
    </rPh>
    <rPh sb="252" eb="254">
      <t>ショクイン</t>
    </rPh>
    <rPh sb="270" eb="272">
      <t>コヨウ</t>
    </rPh>
    <rPh sb="273" eb="275">
      <t>ケイタイ</t>
    </rPh>
    <phoneticPr fontId="3"/>
  </si>
  <si>
    <r>
      <t>（</t>
    </r>
    <r>
      <rPr>
        <sz val="12"/>
        <color rgb="FF000000"/>
        <rFont val="BIZ UDP明朝 Medium"/>
        <family val="1"/>
        <charset val="128"/>
      </rPr>
      <t>うち休憩時間</t>
    </r>
    <rPh sb="3" eb="5">
      <t>キュウケイ</t>
    </rPh>
    <rPh sb="5" eb="7">
      <t>ジカン</t>
    </rPh>
    <phoneticPr fontId="3"/>
  </si>
  <si>
    <t>○「No.12：育児のための短時間勤務制度有無」が「□取得予定」・「□取得中」の場合は、短時間勤務制度利用時の月の合計就労時間を記載してください。
※休憩時間を含み、残業時間を除く</t>
  </si>
  <si>
    <r>
      <t xml:space="preserve">期間 
</t>
    </r>
    <r>
      <rPr>
        <sz val="10"/>
        <color theme="1"/>
        <rFont val="BIZ UDP明朝 Medium"/>
        <family val="1"/>
        <charset val="128"/>
      </rPr>
      <t xml:space="preserve"> （無期の場合は雇用開始日のみ）</t>
    </r>
    <rPh sb="0" eb="2">
      <t>キカン</t>
    </rPh>
    <rPh sb="6" eb="8">
      <t>ムキ</t>
    </rPh>
    <rPh sb="9" eb="11">
      <t>バアイ</t>
    </rPh>
    <rPh sb="12" eb="14">
      <t>コヨウ</t>
    </rPh>
    <rPh sb="14" eb="16">
      <t>カイシ</t>
    </rPh>
    <rPh sb="16" eb="17">
      <t>ビ</t>
    </rPh>
    <phoneticPr fontId="3"/>
  </si>
  <si>
    <r>
      <t xml:space="preserve">就労時間
</t>
    </r>
    <r>
      <rPr>
        <sz val="12"/>
        <color theme="1"/>
        <rFont val="BIZ UDP明朝 Medium"/>
        <family val="1"/>
        <charset val="128"/>
      </rPr>
      <t>(固定就労の場合)</t>
    </r>
    <rPh sb="0" eb="2">
      <t>シュウロウ</t>
    </rPh>
    <rPh sb="2" eb="4">
      <t>ジカン</t>
    </rPh>
    <rPh sb="6" eb="8">
      <t>コテイ</t>
    </rPh>
    <rPh sb="8" eb="10">
      <t>シュウロウ</t>
    </rPh>
    <rPh sb="11" eb="13">
      <t>バアイ</t>
    </rPh>
    <phoneticPr fontId="3"/>
  </si>
  <si>
    <r>
      <t xml:space="preserve">就労時間
</t>
    </r>
    <r>
      <rPr>
        <sz val="12"/>
        <rFont val="BIZ UDP明朝 Medium"/>
        <family val="1"/>
        <charset val="128"/>
      </rPr>
      <t>(変則就労の場合)</t>
    </r>
  </si>
  <si>
    <r>
      <t>（</t>
    </r>
    <r>
      <rPr>
        <sz val="12"/>
        <color theme="1"/>
        <rFont val="BIZ UDP明朝 Medium"/>
        <family val="1"/>
        <charset val="128"/>
      </rPr>
      <t>うち休憩時間</t>
    </r>
    <rPh sb="3" eb="5">
      <t>キュウケイ</t>
    </rPh>
    <rPh sb="5" eb="7">
      <t>ジカン</t>
    </rPh>
    <phoneticPr fontId="3"/>
  </si>
  <si>
    <r>
      <t xml:space="preserve">産前･産後休業の取得
</t>
    </r>
    <r>
      <rPr>
        <sz val="11"/>
        <color theme="1"/>
        <rFont val="BIZ UDP明朝 Medium"/>
        <family val="1"/>
        <charset val="128"/>
      </rPr>
      <t>※取得予定を含む</t>
    </r>
    <rPh sb="0" eb="2">
      <t>サンゼン</t>
    </rPh>
    <rPh sb="3" eb="5">
      <t>サンゴ</t>
    </rPh>
    <rPh sb="5" eb="7">
      <t>キュウギョウ</t>
    </rPh>
    <rPh sb="12" eb="14">
      <t>シュトク</t>
    </rPh>
    <rPh sb="14" eb="16">
      <t>ヨテイ</t>
    </rPh>
    <rPh sb="17" eb="18">
      <t>フク</t>
    </rPh>
    <phoneticPr fontId="3"/>
  </si>
  <si>
    <r>
      <t xml:space="preserve">育児のための短時間
勤務制度利用有無
</t>
    </r>
    <r>
      <rPr>
        <sz val="11"/>
        <color theme="1"/>
        <rFont val="BIZ UDP明朝 Medium"/>
        <family val="1"/>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3"/>
  </si>
  <si>
    <t>(080401)</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6" formatCode="&quot;¥&quot;#,##0;[Red]&quot;¥&quot;\-#,##0"/>
    <numFmt numFmtId="176" formatCode="0_);[Red]\(0\)"/>
    <numFmt numFmtId="177" formatCode="0_ "/>
    <numFmt numFmtId="178" formatCode="0.00_ "/>
  </numFmts>
  <fonts count="39" x14ac:knownFonts="1">
    <font>
      <sz val="11"/>
      <color theme="1"/>
      <name val="ＭＳ Ｐゴシック"/>
      <family val="3"/>
      <scheme val="minor"/>
    </font>
    <font>
      <sz val="11"/>
      <color theme="1"/>
      <name val="ＭＳ Ｐゴシック"/>
      <family val="3"/>
      <scheme val="minor"/>
    </font>
    <font>
      <sz val="11"/>
      <color theme="1"/>
      <name val="Meiryo UI"/>
      <family val="2"/>
    </font>
    <font>
      <sz val="6"/>
      <name val="ＭＳ Ｐゴシック"/>
      <family val="3"/>
      <scheme val="minor"/>
    </font>
    <font>
      <b/>
      <sz val="22"/>
      <name val="BIZ UDP明朝 Medium"/>
      <family val="1"/>
    </font>
    <font>
      <sz val="18"/>
      <name val="BIZ UDP明朝 Medium"/>
      <family val="1"/>
    </font>
    <font>
      <u/>
      <sz val="11"/>
      <color theme="10"/>
      <name val="ＭＳ Ｐゴシック"/>
      <family val="2"/>
      <scheme val="minor"/>
    </font>
    <font>
      <sz val="14"/>
      <name val="BIZ UDP明朝 Medium"/>
      <family val="1"/>
    </font>
    <font>
      <sz val="14"/>
      <color indexed="8"/>
      <name val="BIZ UDP明朝 Medium"/>
      <family val="1"/>
    </font>
    <font>
      <b/>
      <sz val="14"/>
      <name val="BIZ UDP明朝 Medium"/>
      <family val="1"/>
    </font>
    <font>
      <b/>
      <u val="double"/>
      <sz val="14"/>
      <color rgb="FFFF0000"/>
      <name val="BIZ UDP明朝 Medium"/>
      <family val="1"/>
    </font>
    <font>
      <sz val="11"/>
      <color theme="1"/>
      <name val="BIZ UDP明朝 Medium"/>
      <family val="1"/>
    </font>
    <font>
      <sz val="14"/>
      <color theme="1"/>
      <name val="BIZ UDP明朝 Medium"/>
      <family val="1"/>
    </font>
    <font>
      <sz val="14"/>
      <color theme="1"/>
      <name val="ＭＳ Ｐゴシック"/>
      <family val="3"/>
    </font>
    <font>
      <sz val="11"/>
      <name val="ＭＳ Ｐゴシック"/>
      <family val="3"/>
    </font>
    <font>
      <b/>
      <sz val="18"/>
      <name val="BIZ UDP明朝 Medium"/>
      <family val="1"/>
    </font>
    <font>
      <sz val="14"/>
      <color rgb="FF000000"/>
      <name val="BIZ UDP明朝 Medium"/>
      <family val="1"/>
    </font>
    <font>
      <sz val="12"/>
      <name val="BIZ UDP明朝 Medium"/>
      <family val="1"/>
    </font>
    <font>
      <sz val="12"/>
      <color indexed="8"/>
      <name val="BIZ UDP明朝 Medium"/>
      <family val="1"/>
    </font>
    <font>
      <sz val="18"/>
      <name val="ＭＳ Ｐゴシック"/>
      <family val="3"/>
    </font>
    <font>
      <sz val="12"/>
      <color theme="1"/>
      <name val="BIZ UDP明朝 Medium"/>
      <family val="1"/>
    </font>
    <font>
      <sz val="11"/>
      <name val="BIZ UDP明朝 Medium"/>
      <family val="1"/>
    </font>
    <font>
      <sz val="18"/>
      <color theme="1"/>
      <name val="BIZ UDP明朝 Medium"/>
      <family val="1"/>
    </font>
    <font>
      <sz val="14"/>
      <color rgb="FF0070C0"/>
      <name val="BIZ UDP明朝 Medium"/>
      <family val="1"/>
    </font>
    <font>
      <b/>
      <sz val="18"/>
      <color indexed="8"/>
      <name val="BIZ UDP明朝 Medium"/>
      <family val="1"/>
    </font>
    <font>
      <sz val="10"/>
      <name val="BIZ UDP明朝 Medium"/>
      <family val="1"/>
    </font>
    <font>
      <b/>
      <sz val="12"/>
      <name val="BIZ UDP明朝 Medium"/>
      <family val="1"/>
    </font>
    <font>
      <sz val="10"/>
      <name val="ＭＳ Ｐゴシック"/>
      <family val="3"/>
    </font>
    <font>
      <u/>
      <sz val="11"/>
      <name val="ＭＳ Ｐゴシック"/>
      <family val="3"/>
      <scheme val="minor"/>
    </font>
    <font>
      <u/>
      <sz val="10"/>
      <name val="ＭＳ Ｐゴシック"/>
      <family val="3"/>
    </font>
    <font>
      <sz val="14"/>
      <name val="ＭＳ Ｐゴシック"/>
      <family val="3"/>
    </font>
    <font>
      <sz val="9"/>
      <name val="ＭＳ Ｐゴシック"/>
      <family val="3"/>
    </font>
    <font>
      <sz val="9"/>
      <color theme="1"/>
      <name val="BIZ UDP明朝 Medium"/>
      <family val="1"/>
      <charset val="128"/>
    </font>
    <font>
      <sz val="12"/>
      <name val="BIZ UDP明朝 Medium"/>
      <family val="1"/>
      <charset val="128"/>
    </font>
    <font>
      <u/>
      <sz val="14"/>
      <name val="BIZ UDP明朝 Medium"/>
      <family val="1"/>
      <charset val="128"/>
    </font>
    <font>
      <sz val="11"/>
      <color theme="1"/>
      <name val="BIZ UDP明朝 Medium"/>
      <family val="1"/>
      <charset val="128"/>
    </font>
    <font>
      <sz val="12"/>
      <color rgb="FF000000"/>
      <name val="BIZ UDP明朝 Medium"/>
      <family val="1"/>
      <charset val="128"/>
    </font>
    <font>
      <sz val="10"/>
      <color theme="1"/>
      <name val="BIZ UDP明朝 Medium"/>
      <family val="1"/>
      <charset val="128"/>
    </font>
    <font>
      <sz val="12"/>
      <color theme="1"/>
      <name val="BIZ UDP明朝 Medium"/>
      <family val="1"/>
      <charset val="128"/>
    </font>
  </fonts>
  <fills count="8">
    <fill>
      <patternFill patternType="none"/>
    </fill>
    <fill>
      <patternFill patternType="gray125"/>
    </fill>
    <fill>
      <patternFill patternType="solid">
        <fgColor theme="1" tint="0.499984740745262"/>
        <bgColor indexed="64"/>
      </patternFill>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s>
  <borders count="77">
    <border>
      <left/>
      <right/>
      <top/>
      <bottom/>
      <diagonal/>
    </border>
    <border>
      <left/>
      <right/>
      <top/>
      <bottom style="thin">
        <color auto="1"/>
      </bottom>
      <diagonal/>
    </border>
    <border>
      <left style="medium">
        <color indexed="64"/>
      </left>
      <right style="medium">
        <color indexed="64"/>
      </right>
      <top style="medium">
        <color indexed="64"/>
      </top>
      <bottom style="medium">
        <color indexed="64"/>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style="medium">
        <color indexed="64"/>
      </left>
      <right/>
      <top style="medium">
        <color indexed="64"/>
      </top>
      <bottom style="medium">
        <color indexed="64"/>
      </bottom>
      <diagonal/>
    </border>
    <border>
      <left style="medium">
        <color auto="1"/>
      </left>
      <right/>
      <top/>
      <bottom style="medium">
        <color auto="1"/>
      </bottom>
      <diagonal/>
    </border>
    <border>
      <left/>
      <right/>
      <top style="medium">
        <color auto="1"/>
      </top>
      <bottom/>
      <diagonal/>
    </border>
    <border>
      <left style="medium">
        <color auto="1"/>
      </left>
      <right style="thin">
        <color auto="1"/>
      </right>
      <top style="medium">
        <color auto="1"/>
      </top>
      <bottom style="medium">
        <color auto="1"/>
      </bottom>
      <diagonal/>
    </border>
    <border>
      <left style="medium">
        <color auto="1"/>
      </left>
      <right/>
      <top style="medium">
        <color auto="1"/>
      </top>
      <bottom/>
      <diagonal/>
    </border>
    <border>
      <left style="medium">
        <color auto="1"/>
      </left>
      <right/>
      <top style="hair">
        <color indexed="64"/>
      </top>
      <bottom style="medium">
        <color auto="1"/>
      </bottom>
      <diagonal/>
    </border>
    <border>
      <left style="medium">
        <color auto="1"/>
      </left>
      <right/>
      <top/>
      <bottom/>
      <diagonal/>
    </border>
    <border>
      <left style="thin">
        <color auto="1"/>
      </left>
      <right style="thin">
        <color auto="1"/>
      </right>
      <top style="medium">
        <color auto="1"/>
      </top>
      <bottom style="medium">
        <color auto="1"/>
      </bottom>
      <diagonal/>
    </border>
    <border>
      <left/>
      <right/>
      <top style="hair">
        <color indexed="64"/>
      </top>
      <bottom style="medium">
        <color auto="1"/>
      </bottom>
      <diagonal/>
    </border>
    <border>
      <left/>
      <right/>
      <top/>
      <bottom style="medium">
        <color auto="1"/>
      </bottom>
      <diagonal/>
    </border>
    <border>
      <left/>
      <right/>
      <top style="medium">
        <color indexed="64"/>
      </top>
      <bottom style="medium">
        <color indexed="64"/>
      </bottom>
      <diagonal/>
    </border>
    <border>
      <left style="thin">
        <color auto="1"/>
      </left>
      <right style="medium">
        <color auto="1"/>
      </right>
      <top style="medium">
        <color auto="1"/>
      </top>
      <bottom style="medium">
        <color auto="1"/>
      </bottom>
      <diagonal/>
    </border>
    <border>
      <left/>
      <right style="medium">
        <color auto="1"/>
      </right>
      <top style="medium">
        <color auto="1"/>
      </top>
      <bottom/>
      <diagonal/>
    </border>
    <border>
      <left/>
      <right style="medium">
        <color auto="1"/>
      </right>
      <top style="hair">
        <color indexed="64"/>
      </top>
      <bottom style="medium">
        <color auto="1"/>
      </bottom>
      <diagonal/>
    </border>
    <border>
      <left/>
      <right style="medium">
        <color auto="1"/>
      </right>
      <top/>
      <bottom style="medium">
        <color auto="1"/>
      </bottom>
      <diagonal/>
    </border>
    <border>
      <left/>
      <right style="medium">
        <color auto="1"/>
      </right>
      <top/>
      <bottom/>
      <diagonal/>
    </border>
    <border>
      <left/>
      <right style="medium">
        <color indexed="64"/>
      </right>
      <top style="medium">
        <color indexed="64"/>
      </top>
      <bottom style="medium">
        <color indexed="64"/>
      </bottom>
      <diagonal/>
    </border>
    <border>
      <left style="medium">
        <color auto="1"/>
      </left>
      <right/>
      <top/>
      <bottom style="hair">
        <color indexed="64"/>
      </bottom>
      <diagonal/>
    </border>
    <border>
      <left style="medium">
        <color auto="1"/>
      </left>
      <right/>
      <top style="medium">
        <color auto="1"/>
      </top>
      <bottom style="thin">
        <color auto="1"/>
      </bottom>
      <diagonal/>
    </border>
    <border>
      <left style="medium">
        <color auto="1"/>
      </left>
      <right style="thin">
        <color auto="1"/>
      </right>
      <top style="medium">
        <color auto="1"/>
      </top>
      <bottom style="thin">
        <color auto="1"/>
      </bottom>
      <diagonal/>
    </border>
    <border>
      <left style="medium">
        <color auto="1"/>
      </left>
      <right/>
      <top style="thin">
        <color auto="1"/>
      </top>
      <bottom/>
      <diagonal/>
    </border>
    <border>
      <left style="medium">
        <color auto="1"/>
      </left>
      <right/>
      <top/>
      <bottom style="thin">
        <color auto="1"/>
      </bottom>
      <diagonal/>
    </border>
    <border>
      <left style="medium">
        <color auto="1"/>
      </left>
      <right/>
      <top style="thin">
        <color auto="1"/>
      </top>
      <bottom style="thin">
        <color auto="1"/>
      </bottom>
      <diagonal/>
    </border>
    <border>
      <left style="medium">
        <color auto="1"/>
      </left>
      <right/>
      <top style="thin">
        <color auto="1"/>
      </top>
      <bottom style="medium">
        <color auto="1"/>
      </bottom>
      <diagonal/>
    </border>
    <border>
      <left style="medium">
        <color indexed="64"/>
      </left>
      <right/>
      <top style="medium">
        <color indexed="64"/>
      </top>
      <bottom style="hair">
        <color indexed="64"/>
      </bottom>
      <diagonal/>
    </border>
    <border>
      <left style="medium">
        <color indexed="64"/>
      </left>
      <right style="medium">
        <color indexed="64"/>
      </right>
      <top style="thin">
        <color rgb="FF000000"/>
      </top>
      <bottom style="medium">
        <color indexed="64"/>
      </bottom>
      <diagonal/>
    </border>
    <border>
      <left/>
      <right/>
      <top/>
      <bottom style="hair">
        <color indexed="64"/>
      </bottom>
      <diagonal/>
    </border>
    <border>
      <left/>
      <right/>
      <top style="medium">
        <color auto="1"/>
      </top>
      <bottom style="thin">
        <color auto="1"/>
      </bottom>
      <diagonal/>
    </border>
    <border>
      <left style="thin">
        <color auto="1"/>
      </left>
      <right style="thin">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right/>
      <top style="thin">
        <color auto="1"/>
      </top>
      <bottom style="thin">
        <color indexed="64"/>
      </bottom>
      <diagonal/>
    </border>
    <border>
      <left/>
      <right/>
      <top style="thin">
        <color auto="1"/>
      </top>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thin">
        <color auto="1"/>
      </right>
      <top style="thin">
        <color auto="1"/>
      </top>
      <bottom style="medium">
        <color auto="1"/>
      </bottom>
      <diagonal/>
    </border>
    <border>
      <left/>
      <right/>
      <top style="medium">
        <color indexed="64"/>
      </top>
      <bottom style="hair">
        <color indexed="64"/>
      </bottom>
      <diagonal/>
    </border>
    <border>
      <left/>
      <right/>
      <top style="thin">
        <color rgb="FF000000"/>
      </top>
      <bottom style="medium">
        <color auto="1"/>
      </bottom>
      <diagonal/>
    </border>
    <border>
      <left style="thin">
        <color auto="1"/>
      </left>
      <right/>
      <top style="thin">
        <color auto="1"/>
      </top>
      <bottom style="medium">
        <color auto="1"/>
      </bottom>
      <diagonal/>
    </border>
    <border>
      <left/>
      <right style="thin">
        <color auto="1"/>
      </right>
      <top style="medium">
        <color auto="1"/>
      </top>
      <bottom/>
      <diagonal/>
    </border>
    <border>
      <left/>
      <right style="thin">
        <color auto="1"/>
      </right>
      <top/>
      <bottom style="thin">
        <color auto="1"/>
      </bottom>
      <diagonal/>
    </border>
    <border>
      <left style="thin">
        <color auto="1"/>
      </left>
      <right/>
      <top style="medium">
        <color auto="1"/>
      </top>
      <bottom style="thin">
        <color auto="1"/>
      </bottom>
      <diagonal/>
    </border>
    <border>
      <left style="thin">
        <color auto="1"/>
      </left>
      <right/>
      <top style="medium">
        <color auto="1"/>
      </top>
      <bottom style="medium">
        <color auto="1"/>
      </bottom>
      <diagonal/>
    </border>
    <border>
      <left style="thin">
        <color auto="1"/>
      </left>
      <right/>
      <top style="medium">
        <color auto="1"/>
      </top>
      <bottom/>
      <diagonal/>
    </border>
    <border>
      <left style="thin">
        <color auto="1"/>
      </left>
      <right/>
      <top/>
      <bottom style="thin">
        <color auto="1"/>
      </bottom>
      <diagonal/>
    </border>
    <border>
      <left style="thin">
        <color auto="1"/>
      </left>
      <right/>
      <top style="thin">
        <color auto="1"/>
      </top>
      <bottom style="thin">
        <color auto="1"/>
      </bottom>
      <diagonal/>
    </border>
    <border>
      <left style="thin">
        <color indexed="8"/>
      </left>
      <right/>
      <top style="thin">
        <color auto="1"/>
      </top>
      <bottom style="medium">
        <color auto="1"/>
      </bottom>
      <diagonal/>
    </border>
    <border>
      <left/>
      <right style="thin">
        <color auto="1"/>
      </right>
      <top style="thin">
        <color auto="1"/>
      </top>
      <bottom style="thin">
        <color auto="1"/>
      </bottom>
      <diagonal/>
    </border>
    <border>
      <left/>
      <right style="medium">
        <color indexed="64"/>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auto="1"/>
      </right>
      <top style="thin">
        <color indexed="64"/>
      </top>
      <bottom style="medium">
        <color auto="1"/>
      </bottom>
      <diagonal/>
    </border>
    <border>
      <left style="thin">
        <color auto="1"/>
      </left>
      <right style="thin">
        <color theme="1"/>
      </right>
      <top style="medium">
        <color auto="1"/>
      </top>
      <bottom style="thin">
        <color auto="1"/>
      </bottom>
      <diagonal/>
    </border>
    <border>
      <left/>
      <right style="thin">
        <color auto="1"/>
      </right>
      <top/>
      <bottom/>
      <diagonal/>
    </border>
    <border>
      <left style="thin">
        <color auto="1"/>
      </left>
      <right/>
      <top/>
      <bottom/>
      <diagonal/>
    </border>
    <border>
      <left/>
      <right/>
      <top/>
      <bottom style="thin">
        <color indexed="8"/>
      </bottom>
      <diagonal/>
    </border>
    <border>
      <left/>
      <right/>
      <top style="thin">
        <color indexed="8"/>
      </top>
      <bottom style="thin">
        <color indexed="8"/>
      </bottom>
      <diagonal/>
    </border>
    <border>
      <left/>
      <right/>
      <top style="thin">
        <color indexed="8"/>
      </top>
      <bottom/>
      <diagonal/>
    </border>
    <border>
      <left/>
      <right style="thin">
        <color auto="1"/>
      </right>
      <top/>
      <bottom style="hair">
        <color indexed="64"/>
      </bottom>
      <diagonal/>
    </border>
    <border>
      <left/>
      <right style="medium">
        <color auto="1"/>
      </right>
      <top style="medium">
        <color auto="1"/>
      </top>
      <bottom style="thin">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top style="thin">
        <color indexed="64"/>
      </top>
      <bottom style="thin">
        <color indexed="64"/>
      </bottom>
      <diagonal/>
    </border>
    <border>
      <left/>
      <right style="medium">
        <color auto="1"/>
      </right>
      <top style="thin">
        <color indexed="8"/>
      </top>
      <bottom style="medium">
        <color auto="1"/>
      </bottom>
      <diagonal/>
    </border>
    <border>
      <left/>
      <right style="medium">
        <color indexed="64"/>
      </right>
      <top style="thin">
        <color indexed="64"/>
      </top>
      <bottom style="thin">
        <color indexed="64"/>
      </bottom>
      <diagonal/>
    </border>
    <border>
      <left/>
      <right style="medium">
        <color auto="1"/>
      </right>
      <top style="thin">
        <color indexed="64"/>
      </top>
      <bottom style="thin">
        <color indexed="64"/>
      </bottom>
      <diagonal/>
    </border>
    <border>
      <left/>
      <right style="medium">
        <color auto="1"/>
      </right>
      <top/>
      <bottom style="thin">
        <color auto="1"/>
      </bottom>
      <diagonal/>
    </border>
    <border>
      <left/>
      <right style="medium">
        <color auto="1"/>
      </right>
      <top style="medium">
        <color indexed="64"/>
      </top>
      <bottom style="hair">
        <color indexed="64"/>
      </bottom>
      <diagonal/>
    </border>
    <border>
      <left style="thin">
        <color auto="1"/>
      </left>
      <right style="thin">
        <color auto="1"/>
      </right>
      <top style="thin">
        <color auto="1"/>
      </top>
      <bottom style="thin">
        <color indexed="64"/>
      </bottom>
      <diagonal/>
    </border>
    <border>
      <left style="thin">
        <color indexed="64"/>
      </left>
      <right style="thin">
        <color indexed="64"/>
      </right>
      <top style="thin">
        <color indexed="64"/>
      </top>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s>
  <cellStyleXfs count="6">
    <xf numFmtId="0" fontId="0" fillId="0" borderId="0">
      <alignment vertical="center"/>
    </xf>
    <xf numFmtId="0" fontId="1" fillId="0" borderId="0"/>
    <xf numFmtId="0" fontId="1" fillId="0" borderId="0">
      <alignment vertical="center"/>
    </xf>
    <xf numFmtId="0" fontId="2" fillId="0" borderId="0">
      <alignment vertical="center"/>
    </xf>
    <xf numFmtId="0" fontId="6" fillId="0" borderId="0" applyNumberFormat="0" applyFill="0" applyBorder="0" applyAlignment="0" applyProtection="0">
      <alignment vertical="center"/>
    </xf>
    <xf numFmtId="6" fontId="1" fillId="0" borderId="0" applyFont="0" applyFill="0" applyBorder="0" applyAlignment="0" applyProtection="0">
      <alignment vertical="center"/>
    </xf>
  </cellStyleXfs>
  <cellXfs count="493">
    <xf numFmtId="0" fontId="0" fillId="0" borderId="0" xfId="0">
      <alignment vertical="center"/>
    </xf>
    <xf numFmtId="0" fontId="0" fillId="0" borderId="0" xfId="0" applyAlignment="1">
      <alignment vertical="center" wrapText="1"/>
    </xf>
    <xf numFmtId="0" fontId="9" fillId="0" borderId="0" xfId="0" applyFont="1" applyAlignment="1">
      <alignment horizontal="left" vertical="center"/>
    </xf>
    <xf numFmtId="0" fontId="10" fillId="0" borderId="0" xfId="0" applyFont="1" applyAlignment="1">
      <alignment horizontal="left"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0" fontId="12" fillId="2" borderId="2" xfId="0" applyFont="1" applyFill="1" applyBorder="1" applyAlignment="1">
      <alignment horizontal="center" vertical="center"/>
    </xf>
    <xf numFmtId="0" fontId="7" fillId="0" borderId="6" xfId="0" applyFont="1" applyBorder="1" applyAlignment="1">
      <alignment horizontal="center" vertical="center"/>
    </xf>
    <xf numFmtId="0" fontId="7" fillId="0" borderId="7" xfId="0" applyFont="1" applyBorder="1" applyAlignment="1">
      <alignment horizontal="center" vertical="center" wrapText="1"/>
    </xf>
    <xf numFmtId="0" fontId="7" fillId="0" borderId="7" xfId="0" applyFont="1" applyBorder="1" applyAlignment="1">
      <alignment horizontal="center" vertical="center"/>
    </xf>
    <xf numFmtId="0" fontId="7" fillId="2" borderId="2" xfId="0" applyFont="1" applyFill="1" applyBorder="1" applyAlignment="1">
      <alignment horizontal="center" vertical="center"/>
    </xf>
    <xf numFmtId="0" fontId="7" fillId="3" borderId="2" xfId="0" applyFont="1" applyFill="1" applyBorder="1" applyAlignment="1">
      <alignment horizontal="center" vertical="center"/>
    </xf>
    <xf numFmtId="0" fontId="12" fillId="0" borderId="8" xfId="0" applyFont="1" applyBorder="1">
      <alignment vertical="center"/>
    </xf>
    <xf numFmtId="0" fontId="13" fillId="0" borderId="0" xfId="0" applyFont="1">
      <alignment vertical="center"/>
    </xf>
    <xf numFmtId="0" fontId="15" fillId="0" borderId="0" xfId="0" applyFont="1" applyAlignment="1">
      <alignment horizontal="center" vertical="center"/>
    </xf>
    <xf numFmtId="0" fontId="11" fillId="0" borderId="0" xfId="0" applyFont="1">
      <alignment vertical="center"/>
    </xf>
    <xf numFmtId="0" fontId="8" fillId="0" borderId="0" xfId="0" applyFont="1" applyAlignment="1">
      <alignment horizontal="center" vertical="center"/>
    </xf>
    <xf numFmtId="0" fontId="8" fillId="0" borderId="0" xfId="4" applyFont="1" applyFill="1" applyBorder="1" applyAlignment="1" applyProtection="1">
      <alignment horizontal="center" vertical="center"/>
    </xf>
    <xf numFmtId="0" fontId="17" fillId="2" borderId="10" xfId="0" applyFont="1" applyFill="1" applyBorder="1" applyAlignment="1">
      <alignment horizontal="right" vertical="center"/>
    </xf>
    <xf numFmtId="0" fontId="17" fillId="2" borderId="12" xfId="0" applyFont="1" applyFill="1" applyBorder="1" applyAlignment="1">
      <alignment horizontal="right" vertical="center"/>
    </xf>
    <xf numFmtId="0" fontId="17" fillId="2" borderId="7" xfId="0" applyFont="1" applyFill="1" applyBorder="1" applyAlignment="1">
      <alignment horizontal="right" vertical="center"/>
    </xf>
    <xf numFmtId="0" fontId="17" fillId="0" borderId="12" xfId="0" applyFont="1" applyBorder="1" applyAlignment="1">
      <alignment horizontal="right" vertical="center"/>
    </xf>
    <xf numFmtId="0" fontId="17" fillId="0" borderId="10" xfId="0" applyFont="1" applyBorder="1" applyAlignment="1">
      <alignment horizontal="right" vertical="center"/>
    </xf>
    <xf numFmtId="0" fontId="17" fillId="0" borderId="25" xfId="0" applyFont="1" applyBorder="1" applyAlignment="1">
      <alignment horizontal="center" vertical="center"/>
    </xf>
    <xf numFmtId="0" fontId="17" fillId="0" borderId="24" xfId="0" applyFont="1" applyBorder="1" applyAlignment="1">
      <alignment horizontal="right" vertical="center"/>
    </xf>
    <xf numFmtId="0" fontId="17" fillId="2" borderId="24" xfId="0" applyFont="1" applyFill="1" applyBorder="1" applyAlignment="1">
      <alignment horizontal="right" vertical="center"/>
    </xf>
    <xf numFmtId="0" fontId="17" fillId="0" borderId="6" xfId="0" applyFont="1" applyBorder="1" applyAlignment="1">
      <alignment horizontal="right" vertical="center"/>
    </xf>
    <xf numFmtId="0" fontId="17" fillId="0" borderId="11" xfId="0" applyFont="1" applyBorder="1" applyAlignment="1">
      <alignment horizontal="left" vertical="top" wrapText="1"/>
    </xf>
    <xf numFmtId="0" fontId="5" fillId="0" borderId="0" xfId="0" applyFont="1">
      <alignment vertical="center"/>
    </xf>
    <xf numFmtId="0" fontId="19" fillId="0" borderId="0" xfId="0" applyFont="1">
      <alignment vertical="center"/>
    </xf>
    <xf numFmtId="0" fontId="7" fillId="0" borderId="1" xfId="0" applyFont="1" applyBorder="1">
      <alignment vertical="center"/>
    </xf>
    <xf numFmtId="0" fontId="17" fillId="2" borderId="8" xfId="0" applyFont="1" applyFill="1" applyBorder="1" applyAlignment="1">
      <alignment horizontal="left" vertical="center"/>
    </xf>
    <xf numFmtId="0" fontId="17" fillId="2" borderId="0" xfId="0" applyFont="1" applyFill="1" applyBorder="1" applyAlignment="1">
      <alignment horizontal="left" vertical="center"/>
    </xf>
    <xf numFmtId="0" fontId="17" fillId="2" borderId="15" xfId="0" applyFont="1" applyFill="1" applyBorder="1" applyAlignment="1">
      <alignment horizontal="left" vertical="center"/>
    </xf>
    <xf numFmtId="0" fontId="17" fillId="0" borderId="33" xfId="0" applyFont="1" applyBorder="1">
      <alignment vertical="center"/>
    </xf>
    <xf numFmtId="0" fontId="17" fillId="3" borderId="8" xfId="0" applyFont="1" applyFill="1" applyBorder="1">
      <alignment vertical="center"/>
    </xf>
    <xf numFmtId="0" fontId="17" fillId="3" borderId="15" xfId="0" applyFont="1" applyFill="1" applyBorder="1">
      <alignment vertical="center"/>
    </xf>
    <xf numFmtId="0" fontId="17" fillId="0" borderId="34" xfId="0" applyFont="1" applyBorder="1" applyAlignment="1">
      <alignment horizontal="center" vertical="center"/>
    </xf>
    <xf numFmtId="0" fontId="7" fillId="0" borderId="36" xfId="0" applyFont="1" applyBorder="1" applyAlignment="1">
      <alignment horizontal="center" vertical="center"/>
    </xf>
    <xf numFmtId="0" fontId="12" fillId="3" borderId="1" xfId="0" applyFont="1" applyFill="1" applyBorder="1" applyAlignment="1">
      <alignment horizontal="center" vertical="center"/>
    </xf>
    <xf numFmtId="0" fontId="17" fillId="2" borderId="33" xfId="0" applyFont="1" applyFill="1" applyBorder="1">
      <alignment vertical="center"/>
    </xf>
    <xf numFmtId="0" fontId="17" fillId="0" borderId="16" xfId="0" applyFont="1" applyBorder="1">
      <alignment vertical="center"/>
    </xf>
    <xf numFmtId="0" fontId="17" fillId="2" borderId="8" xfId="0" applyFont="1" applyFill="1" applyBorder="1">
      <alignment vertical="center"/>
    </xf>
    <xf numFmtId="0" fontId="20" fillId="0" borderId="14" xfId="0" applyFont="1" applyBorder="1" applyAlignment="1">
      <alignment horizontal="left" vertical="top"/>
    </xf>
    <xf numFmtId="0" fontId="12" fillId="0" borderId="0" xfId="0" applyFont="1" applyBorder="1" applyAlignment="1">
      <alignment horizontal="center" vertical="center"/>
    </xf>
    <xf numFmtId="0" fontId="17" fillId="0" borderId="0" xfId="0" applyFont="1" applyBorder="1" applyAlignment="1">
      <alignment horizontal="right" vertical="center"/>
    </xf>
    <xf numFmtId="0" fontId="12" fillId="3" borderId="33" xfId="0" applyFont="1" applyFill="1" applyBorder="1">
      <alignment vertical="center"/>
    </xf>
    <xf numFmtId="0" fontId="12" fillId="2" borderId="33" xfId="0" applyFont="1" applyFill="1" applyBorder="1">
      <alignment vertical="center"/>
    </xf>
    <xf numFmtId="0" fontId="17" fillId="0" borderId="33" xfId="0" applyFont="1" applyBorder="1" applyAlignment="1">
      <alignment horizontal="right" vertical="center"/>
    </xf>
    <xf numFmtId="0" fontId="17" fillId="0" borderId="16" xfId="0" applyFont="1" applyBorder="1" applyAlignment="1">
      <alignment horizontal="right" vertical="center"/>
    </xf>
    <xf numFmtId="0" fontId="17" fillId="2" borderId="8" xfId="0" applyFont="1" applyFill="1" applyBorder="1" applyAlignment="1">
      <alignment horizontal="right" vertical="center"/>
    </xf>
    <xf numFmtId="0" fontId="12" fillId="3" borderId="16" xfId="0" applyFont="1" applyFill="1" applyBorder="1" applyAlignment="1">
      <alignment horizontal="center" vertical="center"/>
    </xf>
    <xf numFmtId="0" fontId="17" fillId="0" borderId="39" xfId="0" applyFont="1" applyBorder="1">
      <alignment vertical="center"/>
    </xf>
    <xf numFmtId="0" fontId="17" fillId="0" borderId="8" xfId="0" applyFont="1" applyBorder="1" applyAlignment="1">
      <alignment horizontal="right" vertical="center"/>
    </xf>
    <xf numFmtId="0" fontId="17" fillId="2" borderId="33" xfId="0" applyFont="1" applyFill="1" applyBorder="1" applyAlignment="1">
      <alignment horizontal="right" vertical="center"/>
    </xf>
    <xf numFmtId="0" fontId="17" fillId="2" borderId="0" xfId="0" applyFont="1" applyFill="1" applyBorder="1" applyAlignment="1">
      <alignment horizontal="right" vertical="center"/>
    </xf>
    <xf numFmtId="0" fontId="17" fillId="3" borderId="0" xfId="0" applyFont="1" applyFill="1" applyBorder="1" applyAlignment="1">
      <alignment horizontal="left" vertical="center"/>
    </xf>
    <xf numFmtId="0" fontId="17" fillId="3" borderId="15" xfId="0" applyFont="1" applyFill="1" applyBorder="1" applyAlignment="1">
      <alignment horizontal="left" vertical="center"/>
    </xf>
    <xf numFmtId="0" fontId="12" fillId="3" borderId="36" xfId="0" applyFont="1" applyFill="1" applyBorder="1" applyAlignment="1">
      <alignment horizontal="center" vertical="center"/>
    </xf>
    <xf numFmtId="0" fontId="12" fillId="3" borderId="38" xfId="0" applyFont="1" applyFill="1" applyBorder="1" applyAlignment="1">
      <alignment horizontal="center" vertical="center"/>
    </xf>
    <xf numFmtId="0" fontId="17" fillId="0" borderId="50" xfId="0" applyFont="1" applyBorder="1" applyAlignment="1">
      <alignment horizontal="right" vertical="center"/>
    </xf>
    <xf numFmtId="0" fontId="12" fillId="2" borderId="33" xfId="0" applyFont="1" applyFill="1" applyBorder="1" applyAlignment="1">
      <alignment horizontal="center" vertical="center"/>
    </xf>
    <xf numFmtId="0" fontId="12" fillId="0" borderId="38" xfId="0" applyFont="1" applyBorder="1" applyAlignment="1">
      <alignment vertical="center" shrinkToFit="1"/>
    </xf>
    <xf numFmtId="0" fontId="12" fillId="2" borderId="38" xfId="0" applyFont="1" applyFill="1" applyBorder="1" applyAlignment="1">
      <alignment vertical="center" shrinkToFit="1"/>
    </xf>
    <xf numFmtId="0" fontId="17" fillId="2" borderId="15" xfId="0" applyFont="1" applyFill="1" applyBorder="1" applyAlignment="1">
      <alignment horizontal="right" vertical="center"/>
    </xf>
    <xf numFmtId="0" fontId="17" fillId="0" borderId="36" xfId="0" applyFont="1" applyBorder="1">
      <alignment vertical="center"/>
    </xf>
    <xf numFmtId="0" fontId="12" fillId="4" borderId="38" xfId="0" applyFont="1" applyFill="1" applyBorder="1" applyAlignment="1" applyProtection="1">
      <alignment vertical="center" shrinkToFit="1"/>
      <protection locked="0"/>
    </xf>
    <xf numFmtId="0" fontId="12" fillId="2" borderId="38" xfId="0" applyFont="1" applyFill="1" applyBorder="1" applyAlignment="1" applyProtection="1">
      <alignment vertical="center" shrinkToFit="1"/>
      <protection locked="0"/>
    </xf>
    <xf numFmtId="0" fontId="22" fillId="2" borderId="16" xfId="0" applyFont="1" applyFill="1" applyBorder="1">
      <alignment vertical="center"/>
    </xf>
    <xf numFmtId="0" fontId="22" fillId="0" borderId="33" xfId="0" applyFont="1" applyBorder="1" applyAlignment="1">
      <alignment vertical="center" shrinkToFit="1"/>
    </xf>
    <xf numFmtId="49" fontId="23" fillId="0" borderId="36" xfId="0" applyNumberFormat="1" applyFont="1" applyBorder="1">
      <alignment vertical="center"/>
    </xf>
    <xf numFmtId="0" fontId="8" fillId="5" borderId="38" xfId="0" applyFont="1" applyFill="1" applyBorder="1" applyAlignment="1">
      <alignment horizontal="center" vertical="center"/>
    </xf>
    <xf numFmtId="0" fontId="22" fillId="0" borderId="33" xfId="0" applyFont="1" applyBorder="1">
      <alignment vertical="center"/>
    </xf>
    <xf numFmtId="0" fontId="8" fillId="2" borderId="16" xfId="0" applyFont="1" applyFill="1" applyBorder="1">
      <alignment vertical="center"/>
    </xf>
    <xf numFmtId="0" fontId="7" fillId="0" borderId="0" xfId="0" applyFont="1" applyAlignment="1">
      <alignment horizontal="center" vertical="center"/>
    </xf>
    <xf numFmtId="0" fontId="17" fillId="0" borderId="36" xfId="0" applyFont="1" applyBorder="1" applyAlignment="1">
      <alignment horizontal="right" vertical="center"/>
    </xf>
    <xf numFmtId="0" fontId="12" fillId="2" borderId="33" xfId="0" applyFont="1" applyFill="1" applyBorder="1" applyAlignment="1">
      <alignment horizontal="center" vertical="center" wrapText="1"/>
    </xf>
    <xf numFmtId="0" fontId="7" fillId="0" borderId="16" xfId="0" applyFont="1" applyBorder="1" applyAlignment="1" applyProtection="1">
      <alignment horizontal="left" vertical="center"/>
      <protection locked="0"/>
    </xf>
    <xf numFmtId="0" fontId="7" fillId="2" borderId="0" xfId="0" applyFont="1" applyFill="1" applyBorder="1" applyAlignment="1" applyProtection="1">
      <alignment horizontal="left" vertical="center"/>
      <protection locked="0"/>
    </xf>
    <xf numFmtId="0" fontId="12" fillId="0" borderId="1" xfId="0" applyFont="1" applyBorder="1">
      <alignment vertical="center"/>
    </xf>
    <xf numFmtId="0" fontId="12" fillId="0" borderId="36" xfId="0" applyFont="1" applyBorder="1">
      <alignment vertical="center"/>
    </xf>
    <xf numFmtId="0" fontId="12" fillId="0" borderId="38" xfId="0" applyFont="1" applyBorder="1">
      <alignment vertical="center"/>
    </xf>
    <xf numFmtId="0" fontId="7" fillId="2" borderId="33" xfId="0" applyFont="1" applyFill="1" applyBorder="1">
      <alignment vertical="center"/>
    </xf>
    <xf numFmtId="0" fontId="22" fillId="2" borderId="33" xfId="0" applyFont="1" applyFill="1" applyBorder="1" applyAlignment="1">
      <alignment vertical="center" shrinkToFit="1"/>
    </xf>
    <xf numFmtId="0" fontId="22" fillId="0" borderId="39" xfId="0" applyFont="1" applyBorder="1" applyAlignment="1">
      <alignment vertical="center" shrinkToFit="1"/>
    </xf>
    <xf numFmtId="0" fontId="7" fillId="0" borderId="8" xfId="0" applyFont="1" applyBorder="1" applyAlignment="1" applyProtection="1">
      <alignment horizontal="left" vertical="center"/>
      <protection locked="0"/>
    </xf>
    <xf numFmtId="0" fontId="7" fillId="2" borderId="8" xfId="0" applyFont="1" applyFill="1" applyBorder="1" applyAlignment="1" applyProtection="1">
      <alignment horizontal="left" vertical="center"/>
      <protection locked="0"/>
    </xf>
    <xf numFmtId="0" fontId="12" fillId="3" borderId="42" xfId="0" applyFont="1" applyFill="1" applyBorder="1" applyAlignment="1">
      <alignment horizontal="center" vertical="center"/>
    </xf>
    <xf numFmtId="0" fontId="8" fillId="3" borderId="36" xfId="0" applyFont="1" applyFill="1" applyBorder="1" applyAlignment="1">
      <alignment horizontal="center" vertical="center"/>
    </xf>
    <xf numFmtId="0" fontId="12" fillId="3" borderId="8" xfId="0" applyFont="1" applyFill="1" applyBorder="1">
      <alignment vertical="center"/>
    </xf>
    <xf numFmtId="0" fontId="12" fillId="0" borderId="1" xfId="0" applyFont="1" applyFill="1" applyBorder="1" applyAlignment="1" applyProtection="1">
      <alignment vertical="center"/>
      <protection locked="0"/>
    </xf>
    <xf numFmtId="0" fontId="12" fillId="0" borderId="33" xfId="0" applyFont="1" applyBorder="1" applyAlignment="1">
      <alignment vertical="center" shrinkToFit="1"/>
    </xf>
    <xf numFmtId="0" fontId="8" fillId="2" borderId="16" xfId="0" applyFont="1" applyFill="1" applyBorder="1" applyAlignment="1">
      <alignment horizontal="center" vertical="center"/>
    </xf>
    <xf numFmtId="0" fontId="7" fillId="0" borderId="16" xfId="0" applyFont="1" applyBorder="1" applyProtection="1">
      <alignment vertical="center"/>
      <protection locked="0"/>
    </xf>
    <xf numFmtId="0" fontId="12" fillId="3" borderId="16" xfId="0" applyFont="1" applyFill="1" applyBorder="1">
      <alignment vertical="center"/>
    </xf>
    <xf numFmtId="0" fontId="7" fillId="4" borderId="42" xfId="0" applyFont="1" applyFill="1" applyBorder="1" applyAlignment="1" applyProtection="1">
      <alignment horizontal="center" vertical="center"/>
      <protection locked="0"/>
    </xf>
    <xf numFmtId="0" fontId="17" fillId="0" borderId="15" xfId="0" applyFont="1" applyBorder="1" applyAlignment="1" applyProtection="1">
      <alignment horizontal="left" vertical="center" shrinkToFit="1"/>
      <protection locked="0"/>
    </xf>
    <xf numFmtId="0" fontId="7" fillId="0" borderId="1" xfId="0" applyFont="1" applyBorder="1" applyAlignment="1">
      <alignment horizontal="center" vertical="center"/>
    </xf>
    <xf numFmtId="0" fontId="12" fillId="3" borderId="38" xfId="0" applyFont="1" applyFill="1" applyBorder="1">
      <alignment vertical="center"/>
    </xf>
    <xf numFmtId="0" fontId="7" fillId="4" borderId="33" xfId="0" applyFont="1" applyFill="1" applyBorder="1" applyAlignment="1" applyProtection="1">
      <alignment horizontal="center" vertical="center"/>
      <protection locked="0"/>
    </xf>
    <xf numFmtId="0" fontId="8" fillId="0" borderId="58" xfId="0" applyFont="1" applyBorder="1" applyAlignment="1">
      <alignment vertical="center"/>
    </xf>
    <xf numFmtId="0" fontId="8" fillId="0" borderId="49" xfId="0" applyFont="1" applyBorder="1" applyAlignment="1">
      <alignment vertical="center"/>
    </xf>
    <xf numFmtId="0" fontId="8" fillId="5" borderId="59" xfId="4" applyFont="1" applyFill="1" applyBorder="1" applyAlignment="1" applyProtection="1">
      <alignment vertical="center"/>
    </xf>
    <xf numFmtId="0" fontId="8" fillId="5" borderId="60" xfId="4" applyFont="1" applyFill="1" applyBorder="1" applyAlignment="1" applyProtection="1">
      <alignment horizontal="left" vertical="center"/>
    </xf>
    <xf numFmtId="0" fontId="7" fillId="3" borderId="33" xfId="0" applyFont="1" applyFill="1" applyBorder="1" applyAlignment="1">
      <alignment horizontal="center" vertical="center"/>
    </xf>
    <xf numFmtId="0" fontId="8" fillId="0" borderId="8" xfId="0" applyFont="1" applyBorder="1" applyAlignment="1">
      <alignment horizontal="center" vertical="center"/>
    </xf>
    <xf numFmtId="0" fontId="8" fillId="0" borderId="0" xfId="0" applyFont="1" applyBorder="1" applyAlignment="1">
      <alignment vertical="center"/>
    </xf>
    <xf numFmtId="0" fontId="8" fillId="0" borderId="1" xfId="0" applyFont="1" applyBorder="1" applyAlignment="1">
      <alignment vertical="center"/>
    </xf>
    <xf numFmtId="0" fontId="12" fillId="0" borderId="8" xfId="0" applyFont="1" applyBorder="1" applyAlignment="1">
      <alignment vertical="center" shrinkToFit="1"/>
    </xf>
    <xf numFmtId="0" fontId="12" fillId="3" borderId="53" xfId="0" applyFont="1" applyFill="1" applyBorder="1" applyAlignment="1">
      <alignment horizontal="center" vertical="center"/>
    </xf>
    <xf numFmtId="0" fontId="12" fillId="4" borderId="8" xfId="0" applyFont="1" applyFill="1" applyBorder="1" applyAlignment="1" applyProtection="1">
      <alignment vertical="center" shrinkToFit="1"/>
      <protection locked="0"/>
    </xf>
    <xf numFmtId="0" fontId="7" fillId="0" borderId="16" xfId="0" applyFont="1" applyBorder="1" applyAlignment="1" applyProtection="1">
      <alignment horizontal="center" vertical="center"/>
      <protection locked="0"/>
    </xf>
    <xf numFmtId="0" fontId="17" fillId="2" borderId="15" xfId="0" applyFont="1" applyFill="1" applyBorder="1" applyAlignment="1" applyProtection="1">
      <alignment horizontal="left" vertical="center"/>
      <protection locked="0"/>
    </xf>
    <xf numFmtId="49" fontId="7" fillId="3" borderId="8" xfId="0" applyNumberFormat="1" applyFont="1" applyFill="1" applyBorder="1" applyAlignment="1">
      <alignment horizontal="center" vertical="center"/>
    </xf>
    <xf numFmtId="0" fontId="8" fillId="0" borderId="36" xfId="0" applyFont="1" applyBorder="1">
      <alignment vertical="center"/>
    </xf>
    <xf numFmtId="0" fontId="7" fillId="0" borderId="38" xfId="0" applyFont="1" applyBorder="1">
      <alignment vertical="center"/>
    </xf>
    <xf numFmtId="0" fontId="8" fillId="5" borderId="38" xfId="0" applyFont="1" applyFill="1" applyBorder="1">
      <alignment vertical="center"/>
    </xf>
    <xf numFmtId="0" fontId="7" fillId="2" borderId="63" xfId="0" applyFont="1" applyFill="1" applyBorder="1">
      <alignment vertical="center"/>
    </xf>
    <xf numFmtId="0" fontId="7" fillId="0" borderId="58" xfId="0" applyFont="1" applyBorder="1" applyAlignment="1">
      <alignment vertical="center" wrapText="1"/>
    </xf>
    <xf numFmtId="0" fontId="12" fillId="0" borderId="0" xfId="0" applyFont="1" applyFill="1" applyBorder="1">
      <alignment vertical="center"/>
    </xf>
    <xf numFmtId="0" fontId="11" fillId="0" borderId="38" xfId="0" applyFont="1" applyBorder="1">
      <alignment vertical="center"/>
    </xf>
    <xf numFmtId="0" fontId="7" fillId="0" borderId="0" xfId="0" applyFont="1" applyBorder="1" applyAlignment="1">
      <alignment vertical="center" wrapText="1"/>
    </xf>
    <xf numFmtId="0" fontId="8" fillId="5" borderId="60" xfId="4" applyFont="1" applyFill="1" applyBorder="1" applyAlignment="1" applyProtection="1">
      <alignment horizontal="center" vertical="center"/>
    </xf>
    <xf numFmtId="178" fontId="12" fillId="0" borderId="0" xfId="0" applyNumberFormat="1" applyFont="1" applyFill="1" applyBorder="1" applyAlignment="1" applyProtection="1">
      <alignment horizontal="center" vertical="center"/>
      <protection locked="0"/>
    </xf>
    <xf numFmtId="0" fontId="7" fillId="0" borderId="33" xfId="0" applyFont="1" applyBorder="1" applyAlignment="1">
      <alignment vertical="center" wrapText="1"/>
    </xf>
    <xf numFmtId="0" fontId="8" fillId="3" borderId="59"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66" xfId="0" applyFont="1" applyBorder="1" applyAlignment="1">
      <alignment vertical="center"/>
    </xf>
    <xf numFmtId="0" fontId="8" fillId="0" borderId="15" xfId="0" applyFont="1" applyBorder="1" applyAlignment="1">
      <alignment vertical="center"/>
    </xf>
    <xf numFmtId="0" fontId="8" fillId="0" borderId="15" xfId="0" applyFont="1" applyBorder="1">
      <alignment vertical="center"/>
    </xf>
    <xf numFmtId="0" fontId="8" fillId="0" borderId="0" xfId="0" applyFont="1" applyFill="1" applyBorder="1" applyAlignment="1" applyProtection="1">
      <alignment vertical="center"/>
      <protection locked="0"/>
    </xf>
    <xf numFmtId="0" fontId="18" fillId="4" borderId="65" xfId="0" applyFont="1" applyFill="1" applyBorder="1" applyProtection="1">
      <alignment vertical="center"/>
      <protection locked="0"/>
    </xf>
    <xf numFmtId="0" fontId="8" fillId="0" borderId="1" xfId="0" applyFont="1" applyFill="1" applyBorder="1" applyAlignment="1" applyProtection="1">
      <alignment horizontal="center" vertical="center"/>
      <protection locked="0"/>
    </xf>
    <xf numFmtId="0" fontId="7" fillId="0" borderId="15" xfId="0" applyFont="1" applyBorder="1" applyProtection="1">
      <alignment vertical="center"/>
      <protection locked="0"/>
    </xf>
    <xf numFmtId="0" fontId="21" fillId="3" borderId="16" xfId="0" applyFont="1" applyFill="1" applyBorder="1">
      <alignment vertical="center"/>
    </xf>
    <xf numFmtId="0" fontId="8" fillId="0" borderId="65" xfId="0" applyFont="1" applyBorder="1">
      <alignment vertical="center"/>
    </xf>
    <xf numFmtId="0" fontId="7" fillId="3" borderId="33" xfId="0" applyFont="1" applyFill="1" applyBorder="1">
      <alignment vertical="center"/>
    </xf>
    <xf numFmtId="0" fontId="11" fillId="0" borderId="16" xfId="0" applyFont="1" applyBorder="1">
      <alignment vertical="center"/>
    </xf>
    <xf numFmtId="0" fontId="11" fillId="0" borderId="8" xfId="0" applyFont="1" applyBorder="1" applyAlignment="1">
      <alignment vertical="center"/>
    </xf>
    <xf numFmtId="0" fontId="11" fillId="0" borderId="0" xfId="0" applyFont="1" applyBorder="1" applyAlignment="1">
      <alignment vertical="center"/>
    </xf>
    <xf numFmtId="0" fontId="11" fillId="0" borderId="1" xfId="0" applyFont="1" applyBorder="1" applyAlignment="1">
      <alignment vertical="center"/>
    </xf>
    <xf numFmtId="0" fontId="11" fillId="0" borderId="36" xfId="0" applyFont="1" applyBorder="1">
      <alignment vertical="center"/>
    </xf>
    <xf numFmtId="0" fontId="11" fillId="0" borderId="8" xfId="0" applyFont="1" applyBorder="1">
      <alignment vertical="center"/>
    </xf>
    <xf numFmtId="0" fontId="11" fillId="0" borderId="33" xfId="0" applyFont="1" applyBorder="1">
      <alignment vertical="center"/>
    </xf>
    <xf numFmtId="0" fontId="11" fillId="3" borderId="16" xfId="0" applyFont="1" applyFill="1" applyBorder="1">
      <alignment vertical="center"/>
    </xf>
    <xf numFmtId="0" fontId="26" fillId="0" borderId="0" xfId="0" applyFont="1" applyAlignment="1">
      <alignment horizontal="center" vertical="center"/>
    </xf>
    <xf numFmtId="0" fontId="8" fillId="3" borderId="59" xfId="0" applyFont="1" applyFill="1" applyBorder="1" applyAlignment="1">
      <alignment horizontal="left" vertical="center"/>
    </xf>
    <xf numFmtId="0" fontId="17" fillId="2" borderId="18" xfId="0" applyFont="1" applyFill="1" applyBorder="1" applyAlignment="1">
      <alignment horizontal="left" vertical="center"/>
    </xf>
    <xf numFmtId="0" fontId="17" fillId="2" borderId="21" xfId="0" applyFont="1" applyFill="1" applyBorder="1" applyAlignment="1">
      <alignment horizontal="left" vertical="center"/>
    </xf>
    <xf numFmtId="0" fontId="17" fillId="2" borderId="20" xfId="0" applyFont="1" applyFill="1" applyBorder="1" applyAlignment="1">
      <alignment horizontal="left" vertical="center"/>
    </xf>
    <xf numFmtId="0" fontId="7" fillId="0" borderId="21" xfId="0" applyFont="1" applyBorder="1" applyAlignment="1">
      <alignment vertical="center" wrapText="1"/>
    </xf>
    <xf numFmtId="0" fontId="8" fillId="0" borderId="67" xfId="0" applyFont="1" applyBorder="1">
      <alignment vertical="center"/>
    </xf>
    <xf numFmtId="0" fontId="11" fillId="0" borderId="21" xfId="0" applyFont="1" applyBorder="1">
      <alignment vertical="center"/>
    </xf>
    <xf numFmtId="0" fontId="11" fillId="0" borderId="18" xfId="0" applyFont="1" applyBorder="1">
      <alignment vertical="center"/>
    </xf>
    <xf numFmtId="0" fontId="17" fillId="3" borderId="20" xfId="0" applyFont="1" applyFill="1" applyBorder="1" applyAlignment="1">
      <alignment horizontal="left" vertical="center"/>
    </xf>
    <xf numFmtId="0" fontId="11" fillId="0" borderId="18" xfId="0" applyFont="1" applyBorder="1" applyAlignment="1">
      <alignment vertical="center"/>
    </xf>
    <xf numFmtId="0" fontId="11" fillId="0" borderId="21" xfId="0" applyFont="1" applyBorder="1" applyAlignment="1">
      <alignment vertical="center"/>
    </xf>
    <xf numFmtId="0" fontId="11" fillId="0" borderId="68" xfId="0" applyFont="1" applyBorder="1">
      <alignment vertical="center"/>
    </xf>
    <xf numFmtId="0" fontId="8" fillId="0" borderId="68" xfId="0" applyFont="1" applyBorder="1" applyAlignment="1">
      <alignment vertical="center"/>
    </xf>
    <xf numFmtId="0" fontId="8" fillId="0" borderId="20" xfId="0" applyFont="1" applyBorder="1" applyAlignment="1">
      <alignment vertical="center"/>
    </xf>
    <xf numFmtId="0" fontId="11" fillId="0" borderId="55" xfId="0" applyFont="1" applyBorder="1">
      <alignment vertical="center"/>
    </xf>
    <xf numFmtId="0" fontId="22" fillId="0" borderId="63" xfId="0" applyFont="1" applyBorder="1">
      <alignment vertical="center"/>
    </xf>
    <xf numFmtId="0" fontId="12" fillId="0" borderId="63" xfId="0" applyFont="1" applyBorder="1" applyAlignment="1">
      <alignment vertical="center" shrinkToFit="1"/>
    </xf>
    <xf numFmtId="6" fontId="12" fillId="0" borderId="55" xfId="5" applyFont="1" applyBorder="1" applyAlignment="1">
      <alignment vertical="center" shrinkToFit="1"/>
    </xf>
    <xf numFmtId="0" fontId="12" fillId="2" borderId="70" xfId="0" applyFont="1" applyFill="1" applyBorder="1">
      <alignment vertical="center"/>
    </xf>
    <xf numFmtId="0" fontId="12" fillId="2" borderId="55" xfId="0" applyFont="1" applyFill="1" applyBorder="1" applyAlignment="1">
      <alignment vertical="center" shrinkToFit="1"/>
    </xf>
    <xf numFmtId="0" fontId="11" fillId="0" borderId="20" xfId="0" applyFont="1" applyBorder="1">
      <alignment vertical="center"/>
    </xf>
    <xf numFmtId="0" fontId="11" fillId="0" borderId="21" xfId="0" applyFont="1" applyBorder="1" applyAlignment="1">
      <alignment vertical="center" wrapText="1"/>
    </xf>
    <xf numFmtId="0" fontId="7" fillId="0" borderId="18" xfId="0" applyFont="1" applyBorder="1" applyAlignment="1" applyProtection="1">
      <alignment horizontal="left" vertical="center"/>
      <protection locked="0"/>
    </xf>
    <xf numFmtId="0" fontId="7" fillId="2" borderId="18" xfId="0" applyFont="1" applyFill="1" applyBorder="1" applyAlignment="1" applyProtection="1">
      <alignment horizontal="left" vertical="center"/>
      <protection locked="0"/>
    </xf>
    <xf numFmtId="0" fontId="11" fillId="3" borderId="22" xfId="0" applyFont="1" applyFill="1" applyBorder="1">
      <alignment vertical="center"/>
    </xf>
    <xf numFmtId="0" fontId="20" fillId="0" borderId="19" xfId="0" applyFont="1" applyBorder="1" applyAlignment="1">
      <alignment horizontal="left" vertical="top"/>
    </xf>
    <xf numFmtId="0" fontId="1" fillId="0" borderId="50" xfId="2" applyFont="1" applyBorder="1" applyAlignment="1">
      <alignment vertical="center" wrapText="1"/>
    </xf>
    <xf numFmtId="0" fontId="1" fillId="0" borderId="49" xfId="2" applyFont="1" applyBorder="1" applyAlignment="1">
      <alignment vertical="center" wrapText="1"/>
    </xf>
    <xf numFmtId="177" fontId="0" fillId="0" borderId="72" xfId="0" quotePrefix="1" applyNumberFormat="1" applyBorder="1" applyAlignment="1">
      <alignment horizontal="left" vertical="center"/>
    </xf>
    <xf numFmtId="177" fontId="0" fillId="0" borderId="72" xfId="0" applyNumberFormat="1" applyBorder="1" applyAlignment="1">
      <alignment horizontal="left" vertical="center"/>
    </xf>
    <xf numFmtId="0" fontId="0" fillId="0" borderId="72" xfId="0" applyBorder="1">
      <alignment vertical="center"/>
    </xf>
    <xf numFmtId="0" fontId="0" fillId="0" borderId="72" xfId="0" applyBorder="1" applyAlignment="1">
      <alignment horizontal="left" vertical="center"/>
    </xf>
    <xf numFmtId="49" fontId="0" fillId="0" borderId="0" xfId="0" applyNumberFormat="1">
      <alignment vertical="center"/>
    </xf>
    <xf numFmtId="177" fontId="0" fillId="0" borderId="0" xfId="0" quotePrefix="1" applyNumberFormat="1" applyAlignment="1">
      <alignment horizontal="left" vertical="center"/>
    </xf>
    <xf numFmtId="0" fontId="0" fillId="0" borderId="50" xfId="0" applyBorder="1">
      <alignment vertical="center"/>
    </xf>
    <xf numFmtId="0" fontId="27" fillId="0" borderId="0" xfId="0" applyFont="1">
      <alignment vertical="center"/>
    </xf>
    <xf numFmtId="0" fontId="28" fillId="6" borderId="0" xfId="4" applyFont="1" applyFill="1" applyAlignment="1">
      <alignment horizontal="center" vertical="center"/>
    </xf>
    <xf numFmtId="0" fontId="27" fillId="0" borderId="0" xfId="0" applyFont="1" applyAlignment="1">
      <alignment horizontal="center" vertical="center"/>
    </xf>
    <xf numFmtId="0" fontId="29" fillId="7" borderId="0" xfId="0" applyFont="1" applyFill="1">
      <alignment vertical="center"/>
    </xf>
    <xf numFmtId="0" fontId="29" fillId="0" borderId="0" xfId="0" applyFont="1">
      <alignment vertical="center"/>
    </xf>
    <xf numFmtId="0" fontId="27" fillId="7" borderId="0" xfId="0" applyFont="1" applyFill="1">
      <alignment vertical="center"/>
    </xf>
    <xf numFmtId="0" fontId="27" fillId="0" borderId="72" xfId="0" applyFont="1" applyBorder="1">
      <alignment vertical="center"/>
    </xf>
    <xf numFmtId="0" fontId="27" fillId="0" borderId="72" xfId="0" applyFont="1" applyBorder="1" applyAlignment="1">
      <alignment vertical="center" wrapText="1"/>
    </xf>
    <xf numFmtId="0" fontId="27" fillId="0" borderId="0" xfId="0" applyFont="1" applyAlignment="1">
      <alignment vertical="center" wrapText="1"/>
    </xf>
    <xf numFmtId="0" fontId="27" fillId="0" borderId="73" xfId="0" applyFont="1" applyBorder="1" applyAlignment="1">
      <alignment vertical="center" wrapText="1"/>
    </xf>
    <xf numFmtId="0" fontId="27" fillId="7" borderId="0" xfId="0" applyFont="1" applyFill="1" applyAlignment="1">
      <alignment vertical="center" wrapText="1"/>
    </xf>
    <xf numFmtId="0" fontId="27" fillId="0" borderId="50" xfId="0" applyFont="1" applyBorder="1">
      <alignment vertical="center"/>
    </xf>
    <xf numFmtId="0" fontId="27" fillId="0" borderId="50" xfId="0" applyFont="1" applyBorder="1" applyAlignment="1">
      <alignment vertical="center" wrapText="1"/>
    </xf>
    <xf numFmtId="0" fontId="27" fillId="0" borderId="52" xfId="0" applyFont="1" applyBorder="1">
      <alignment vertical="center"/>
    </xf>
    <xf numFmtId="0" fontId="27" fillId="0" borderId="35" xfId="0" applyFont="1" applyBorder="1" applyAlignment="1">
      <alignment vertical="center" wrapText="1"/>
    </xf>
    <xf numFmtId="0" fontId="27" fillId="0" borderId="74" xfId="0" applyFont="1" applyBorder="1" applyAlignment="1">
      <alignment vertical="top" wrapText="1"/>
    </xf>
    <xf numFmtId="0" fontId="31" fillId="0" borderId="72" xfId="0" applyFont="1" applyBorder="1" applyAlignment="1">
      <alignment vertical="center" wrapText="1"/>
    </xf>
    <xf numFmtId="0" fontId="27" fillId="0" borderId="72" xfId="0" applyFont="1" applyBorder="1" applyAlignment="1">
      <alignment horizontal="left" vertical="center" wrapText="1"/>
    </xf>
    <xf numFmtId="0" fontId="27" fillId="0" borderId="0" xfId="0" applyFont="1" applyAlignment="1">
      <alignment horizontal="center" vertical="center" wrapText="1"/>
    </xf>
    <xf numFmtId="0" fontId="27" fillId="0" borderId="72" xfId="0" applyFont="1" applyBorder="1" applyAlignment="1">
      <alignment wrapText="1"/>
    </xf>
    <xf numFmtId="0" fontId="7" fillId="0" borderId="2" xfId="0" applyFont="1" applyBorder="1" applyAlignment="1">
      <alignment horizontal="center" vertical="center"/>
    </xf>
    <xf numFmtId="0" fontId="11" fillId="0" borderId="2" xfId="0" applyFont="1" applyBorder="1" applyAlignment="1">
      <alignment horizontal="center" vertical="center"/>
    </xf>
    <xf numFmtId="0" fontId="7" fillId="0" borderId="2" xfId="0" applyFont="1" applyBorder="1" applyAlignment="1">
      <alignment horizontal="center" vertical="center" wrapText="1"/>
    </xf>
    <xf numFmtId="0" fontId="17" fillId="0" borderId="12" xfId="0" applyFont="1" applyBorder="1" applyAlignment="1">
      <alignment horizontal="center" vertical="center"/>
    </xf>
    <xf numFmtId="0" fontId="20" fillId="0" borderId="7" xfId="0" applyFont="1" applyBorder="1" applyAlignment="1">
      <alignment vertical="center"/>
    </xf>
    <xf numFmtId="0" fontId="20" fillId="0" borderId="0" xfId="0" applyFont="1" applyBorder="1" applyAlignment="1">
      <alignment vertical="center"/>
    </xf>
    <xf numFmtId="0" fontId="20" fillId="0" borderId="15" xfId="0" applyFont="1" applyBorder="1" applyAlignment="1">
      <alignment vertical="center"/>
    </xf>
    <xf numFmtId="0" fontId="17" fillId="0" borderId="0" xfId="0" applyFont="1" applyBorder="1" applyAlignment="1">
      <alignment vertical="center"/>
    </xf>
    <xf numFmtId="0" fontId="20" fillId="0" borderId="21" xfId="0" applyFont="1" applyBorder="1" applyAlignment="1">
      <alignment vertical="center"/>
    </xf>
    <xf numFmtId="0" fontId="20" fillId="0" borderId="20" xfId="0" applyFont="1" applyBorder="1" applyAlignment="1">
      <alignment vertical="center"/>
    </xf>
    <xf numFmtId="0" fontId="17" fillId="0" borderId="10" xfId="0" applyFont="1" applyBorder="1" applyAlignment="1">
      <alignment horizontal="center" vertical="center"/>
    </xf>
    <xf numFmtId="0" fontId="20" fillId="0" borderId="8" xfId="0" applyFont="1" applyBorder="1" applyAlignment="1">
      <alignment vertical="center"/>
    </xf>
    <xf numFmtId="0" fontId="17" fillId="0" borderId="8" xfId="0" applyFont="1" applyBorder="1" applyAlignment="1">
      <alignment vertical="center"/>
    </xf>
    <xf numFmtId="0" fontId="20" fillId="0" borderId="18" xfId="0" applyFont="1" applyBorder="1" applyAlignment="1">
      <alignment vertical="center"/>
    </xf>
    <xf numFmtId="0" fontId="7" fillId="4" borderId="31" xfId="0" applyFont="1" applyFill="1" applyBorder="1" applyAlignment="1">
      <alignment horizontal="center" vertical="center"/>
    </xf>
    <xf numFmtId="0" fontId="12" fillId="4" borderId="31" xfId="0" applyFont="1" applyFill="1" applyBorder="1" applyAlignment="1">
      <alignment horizontal="center" vertical="center"/>
    </xf>
    <xf numFmtId="0" fontId="12" fillId="4" borderId="31" xfId="0" applyFont="1" applyFill="1" applyBorder="1" applyAlignment="1" applyProtection="1">
      <alignment horizontal="center" vertical="center"/>
      <protection locked="0"/>
    </xf>
    <xf numFmtId="0" fontId="12" fillId="4" borderId="54" xfId="0" applyFont="1" applyFill="1" applyBorder="1" applyAlignment="1" applyProtection="1">
      <alignment horizontal="center" vertical="center"/>
      <protection locked="0"/>
    </xf>
    <xf numFmtId="0" fontId="7" fillId="4" borderId="53" xfId="0" applyFont="1" applyFill="1" applyBorder="1" applyAlignment="1" applyProtection="1">
      <alignment horizontal="center" vertical="center"/>
      <protection locked="0"/>
    </xf>
    <xf numFmtId="0" fontId="7" fillId="4" borderId="54" xfId="0" applyFont="1" applyFill="1" applyBorder="1" applyAlignment="1" applyProtection="1">
      <alignment horizontal="center" vertical="center"/>
      <protection locked="0"/>
    </xf>
    <xf numFmtId="0" fontId="11" fillId="4" borderId="31" xfId="0" applyFont="1" applyFill="1" applyBorder="1" applyAlignment="1">
      <alignment horizontal="center" vertical="center"/>
    </xf>
    <xf numFmtId="0" fontId="7" fillId="0" borderId="3" xfId="0" applyFont="1" applyBorder="1" applyAlignment="1">
      <alignment horizontal="center" vertical="center"/>
    </xf>
    <xf numFmtId="0" fontId="12" fillId="0" borderId="3" xfId="0" applyFont="1" applyBorder="1" applyAlignment="1">
      <alignment horizontal="center" vertical="center"/>
    </xf>
    <xf numFmtId="0" fontId="11" fillId="0" borderId="3" xfId="0" applyFont="1" applyBorder="1" applyAlignment="1">
      <alignment horizontal="center" vertical="center"/>
    </xf>
    <xf numFmtId="0" fontId="12" fillId="0" borderId="5" xfId="0" applyFont="1" applyBorder="1" applyAlignment="1">
      <alignment horizontal="center" vertical="center"/>
    </xf>
    <xf numFmtId="0" fontId="12" fillId="0" borderId="10" xfId="0" applyFont="1" applyBorder="1" applyAlignment="1">
      <alignment horizontal="center" vertical="center" wrapText="1"/>
    </xf>
    <xf numFmtId="0" fontId="12" fillId="0" borderId="8" xfId="0" applyFont="1" applyBorder="1" applyAlignment="1">
      <alignment horizontal="center" vertical="center" wrapText="1"/>
    </xf>
    <xf numFmtId="0" fontId="12" fillId="0" borderId="18" xfId="0" applyFont="1" applyBorder="1" applyAlignment="1">
      <alignment horizontal="center" vertical="center" wrapText="1"/>
    </xf>
    <xf numFmtId="0" fontId="12" fillId="0" borderId="7" xfId="0" applyFont="1" applyBorder="1" applyAlignment="1">
      <alignment horizontal="center" vertical="center" wrapText="1"/>
    </xf>
    <xf numFmtId="0" fontId="12" fillId="0" borderId="15" xfId="0" applyFont="1" applyBorder="1" applyAlignment="1">
      <alignment horizontal="center" vertical="center" wrapText="1"/>
    </xf>
    <xf numFmtId="0" fontId="12" fillId="0" borderId="20" xfId="0" applyFont="1" applyBorder="1" applyAlignment="1">
      <alignment horizontal="center" vertical="center" wrapText="1"/>
    </xf>
    <xf numFmtId="0" fontId="11" fillId="0" borderId="5" xfId="0" applyFont="1" applyBorder="1" applyAlignment="1">
      <alignment horizontal="center" vertical="center"/>
    </xf>
    <xf numFmtId="0" fontId="11" fillId="0" borderId="7" xfId="0" applyFont="1" applyBorder="1" applyAlignment="1">
      <alignment horizontal="center" vertical="center" wrapText="1"/>
    </xf>
    <xf numFmtId="0" fontId="11" fillId="0" borderId="15" xfId="0" applyFont="1" applyBorder="1" applyAlignment="1">
      <alignment horizontal="center" vertical="center" wrapText="1"/>
    </xf>
    <xf numFmtId="0" fontId="11" fillId="0" borderId="20" xfId="0" applyFont="1" applyBorder="1" applyAlignment="1">
      <alignment horizontal="center" vertical="center" wrapText="1"/>
    </xf>
    <xf numFmtId="0" fontId="12" fillId="2" borderId="3" xfId="0" applyFont="1" applyFill="1" applyBorder="1" applyAlignment="1">
      <alignment horizontal="center" vertical="center"/>
    </xf>
    <xf numFmtId="0" fontId="11" fillId="2" borderId="5" xfId="0" applyFont="1" applyFill="1" applyBorder="1" applyAlignment="1">
      <alignment horizontal="center" vertical="center"/>
    </xf>
    <xf numFmtId="0" fontId="12" fillId="2" borderId="10" xfId="0" applyFont="1" applyFill="1" applyBorder="1" applyAlignment="1">
      <alignment horizontal="center" vertical="center" wrapText="1"/>
    </xf>
    <xf numFmtId="0" fontId="12" fillId="2" borderId="8" xfId="0" applyFont="1" applyFill="1" applyBorder="1" applyAlignment="1">
      <alignment horizontal="center" vertical="center" wrapText="1"/>
    </xf>
    <xf numFmtId="0" fontId="12" fillId="2" borderId="18" xfId="0" applyFont="1" applyFill="1" applyBorder="1" applyAlignment="1">
      <alignment horizontal="center" vertical="center" wrapText="1"/>
    </xf>
    <xf numFmtId="0" fontId="11" fillId="2" borderId="7" xfId="0" applyFont="1" applyFill="1" applyBorder="1" applyAlignment="1">
      <alignment horizontal="center" vertical="center" wrapText="1"/>
    </xf>
    <xf numFmtId="0" fontId="11" fillId="2" borderId="15" xfId="0" applyFont="1" applyFill="1" applyBorder="1" applyAlignment="1">
      <alignment horizontal="center" vertical="center" wrapText="1"/>
    </xf>
    <xf numFmtId="0" fontId="11" fillId="2" borderId="20" xfId="0" applyFont="1" applyFill="1" applyBorder="1" applyAlignment="1">
      <alignment horizontal="center" vertical="center" wrapText="1"/>
    </xf>
    <xf numFmtId="0" fontId="7" fillId="0" borderId="5" xfId="0" applyFont="1" applyBorder="1" applyAlignment="1">
      <alignment horizontal="center" vertical="center"/>
    </xf>
    <xf numFmtId="0" fontId="7" fillId="0" borderId="10" xfId="0" applyFont="1" applyBorder="1" applyAlignment="1">
      <alignment horizontal="center" vertical="center" wrapText="1"/>
    </xf>
    <xf numFmtId="0" fontId="7" fillId="0" borderId="8" xfId="0" applyFont="1" applyBorder="1" applyAlignment="1">
      <alignment horizontal="center" vertical="center" wrapText="1"/>
    </xf>
    <xf numFmtId="0" fontId="7" fillId="0" borderId="18" xfId="0" applyFont="1" applyBorder="1" applyAlignment="1">
      <alignment horizontal="center" vertical="center" wrapText="1"/>
    </xf>
    <xf numFmtId="0" fontId="7" fillId="0" borderId="7" xfId="0" applyFont="1" applyBorder="1" applyAlignment="1">
      <alignment horizontal="center" vertical="center" wrapText="1"/>
    </xf>
    <xf numFmtId="0" fontId="7" fillId="0" borderId="15" xfId="0" applyFont="1" applyBorder="1" applyAlignment="1">
      <alignment horizontal="center" vertical="center" wrapText="1"/>
    </xf>
    <xf numFmtId="0" fontId="7" fillId="0" borderId="20" xfId="0" applyFont="1" applyBorder="1" applyAlignment="1">
      <alignment horizontal="center" vertical="center" wrapText="1"/>
    </xf>
    <xf numFmtId="0" fontId="7" fillId="0" borderId="4" xfId="0" applyFont="1" applyBorder="1" applyAlignment="1">
      <alignment horizontal="center" vertical="center" wrapText="1"/>
    </xf>
    <xf numFmtId="0" fontId="16" fillId="0" borderId="6" xfId="0" applyFont="1" applyBorder="1" applyAlignment="1">
      <alignment horizontal="center" vertical="center"/>
    </xf>
    <xf numFmtId="0" fontId="11" fillId="0" borderId="16" xfId="0" applyFont="1" applyBorder="1" applyAlignment="1">
      <alignment horizontal="center" vertical="center"/>
    </xf>
    <xf numFmtId="0" fontId="11" fillId="0" borderId="22" xfId="0" applyFont="1" applyBorder="1" applyAlignment="1">
      <alignment horizontal="center" vertical="center"/>
    </xf>
    <xf numFmtId="0" fontId="16" fillId="2" borderId="6" xfId="0" applyFont="1" applyFill="1" applyBorder="1" applyAlignment="1">
      <alignment horizontal="center" vertical="center"/>
    </xf>
    <xf numFmtId="0" fontId="11" fillId="2" borderId="16" xfId="0" applyFont="1" applyFill="1" applyBorder="1" applyAlignment="1">
      <alignment horizontal="center" vertical="center"/>
    </xf>
    <xf numFmtId="0" fontId="11" fillId="2" borderId="22" xfId="0" applyFont="1" applyFill="1" applyBorder="1" applyAlignment="1">
      <alignment horizontal="center" vertical="center"/>
    </xf>
    <xf numFmtId="0" fontId="7" fillId="3" borderId="2" xfId="0" applyFont="1" applyFill="1" applyBorder="1" applyAlignment="1">
      <alignment horizontal="center" vertical="center"/>
    </xf>
    <xf numFmtId="0" fontId="11" fillId="3" borderId="2" xfId="0" applyFont="1" applyFill="1" applyBorder="1" applyAlignment="1">
      <alignment vertical="center"/>
    </xf>
    <xf numFmtId="0" fontId="7" fillId="0" borderId="10" xfId="0" applyFont="1" applyBorder="1" applyAlignment="1">
      <alignment horizontal="center" vertical="center" wrapText="1" shrinkToFit="1"/>
    </xf>
    <xf numFmtId="0" fontId="7" fillId="0" borderId="8" xfId="0" applyFont="1" applyBorder="1" applyAlignment="1">
      <alignment horizontal="center" vertical="center" wrapText="1" shrinkToFit="1"/>
    </xf>
    <xf numFmtId="0" fontId="7" fillId="0" borderId="18" xfId="0" applyFont="1" applyBorder="1" applyAlignment="1">
      <alignment horizontal="center" vertical="center" wrapText="1" shrinkToFit="1"/>
    </xf>
    <xf numFmtId="0" fontId="7" fillId="0" borderId="12" xfId="0" applyFont="1" applyBorder="1" applyAlignment="1">
      <alignment horizontal="center" vertical="center" wrapText="1" shrinkToFit="1"/>
    </xf>
    <xf numFmtId="0" fontId="7" fillId="0" borderId="0" xfId="0" applyFont="1" applyBorder="1" applyAlignment="1">
      <alignment horizontal="center" vertical="center" wrapText="1" shrinkToFit="1"/>
    </xf>
    <xf numFmtId="0" fontId="7" fillId="0" borderId="21" xfId="0" applyFont="1" applyBorder="1" applyAlignment="1">
      <alignment horizontal="center" vertical="center" wrapText="1" shrinkToFit="1"/>
    </xf>
    <xf numFmtId="0" fontId="7" fillId="0" borderId="0" xfId="0" applyFont="1" applyAlignment="1">
      <alignment horizontal="center" vertical="center" wrapText="1" shrinkToFit="1"/>
    </xf>
    <xf numFmtId="0" fontId="7" fillId="0" borderId="7" xfId="0" applyFont="1" applyBorder="1" applyAlignment="1">
      <alignment horizontal="center" vertical="center" wrapText="1" shrinkToFit="1"/>
    </xf>
    <xf numFmtId="0" fontId="7" fillId="0" borderId="15" xfId="0" applyFont="1" applyBorder="1" applyAlignment="1">
      <alignment horizontal="center" vertical="center" wrapText="1" shrinkToFit="1"/>
    </xf>
    <xf numFmtId="0" fontId="7" fillId="0" borderId="20" xfId="0" applyFont="1" applyBorder="1" applyAlignment="1">
      <alignment horizontal="center" vertical="center" wrapText="1" shrinkToFit="1"/>
    </xf>
    <xf numFmtId="0" fontId="12" fillId="3" borderId="10" xfId="0" applyFont="1" applyFill="1" applyBorder="1" applyAlignment="1">
      <alignment horizontal="center" vertical="center"/>
    </xf>
    <xf numFmtId="0" fontId="12" fillId="3" borderId="8" xfId="0" applyFont="1" applyFill="1" applyBorder="1" applyAlignment="1">
      <alignment horizontal="center" vertical="center"/>
    </xf>
    <xf numFmtId="0" fontId="12" fillId="3" borderId="44" xfId="0" applyFont="1" applyFill="1" applyBorder="1" applyAlignment="1">
      <alignment horizontal="center" vertical="center"/>
    </xf>
    <xf numFmtId="0" fontId="12" fillId="3" borderId="27" xfId="0" applyFont="1" applyFill="1" applyBorder="1" applyAlignment="1">
      <alignment horizontal="center" vertical="center"/>
    </xf>
    <xf numFmtId="0" fontId="12" fillId="3" borderId="1" xfId="0" applyFont="1" applyFill="1" applyBorder="1" applyAlignment="1">
      <alignment horizontal="center" vertical="center"/>
    </xf>
    <xf numFmtId="0" fontId="12" fillId="3" borderId="45" xfId="0" applyFont="1" applyFill="1" applyBorder="1" applyAlignment="1">
      <alignment horizontal="center" vertical="center"/>
    </xf>
    <xf numFmtId="0" fontId="17" fillId="0" borderId="48" xfId="0" applyFont="1" applyBorder="1" applyAlignment="1">
      <alignment horizontal="right" vertical="center"/>
    </xf>
    <xf numFmtId="0" fontId="17" fillId="0" borderId="49" xfId="0" applyFont="1" applyBorder="1" applyAlignment="1">
      <alignment horizontal="right" vertical="center"/>
    </xf>
    <xf numFmtId="0" fontId="17" fillId="0" borderId="8" xfId="0" applyFont="1" applyBorder="1" applyAlignment="1">
      <alignment horizontal="center" vertical="center"/>
    </xf>
    <xf numFmtId="0" fontId="17" fillId="0" borderId="1" xfId="0" applyFont="1" applyBorder="1" applyAlignment="1">
      <alignment horizontal="center" vertical="center"/>
    </xf>
    <xf numFmtId="0" fontId="17" fillId="0" borderId="8" xfId="0" applyFont="1" applyBorder="1" applyAlignment="1">
      <alignment horizontal="right" vertical="center"/>
    </xf>
    <xf numFmtId="0" fontId="17" fillId="0" borderId="1" xfId="0" applyFont="1" applyBorder="1" applyAlignment="1">
      <alignment horizontal="right" vertical="center"/>
    </xf>
    <xf numFmtId="0" fontId="12" fillId="2" borderId="4" xfId="0" applyFont="1" applyFill="1" applyBorder="1" applyAlignment="1">
      <alignment horizontal="center" vertical="center"/>
    </xf>
    <xf numFmtId="0" fontId="12" fillId="2" borderId="12" xfId="0" applyFont="1" applyFill="1" applyBorder="1" applyAlignment="1">
      <alignment horizontal="center" vertical="center" wrapText="1"/>
    </xf>
    <xf numFmtId="0" fontId="12" fillId="2" borderId="0" xfId="0" applyFont="1" applyFill="1" applyAlignment="1">
      <alignment horizontal="center" vertical="center" wrapText="1"/>
    </xf>
    <xf numFmtId="0" fontId="12" fillId="2" borderId="21" xfId="0" applyFont="1" applyFill="1" applyBorder="1" applyAlignment="1">
      <alignment horizontal="center" vertical="center" wrapText="1"/>
    </xf>
    <xf numFmtId="0" fontId="12" fillId="0" borderId="4" xfId="0" applyFont="1" applyBorder="1" applyAlignment="1">
      <alignment horizontal="center" vertical="center"/>
    </xf>
    <xf numFmtId="0" fontId="12" fillId="0" borderId="12" xfId="0" applyFont="1" applyBorder="1" applyAlignment="1">
      <alignment horizontal="center" vertical="center" wrapText="1"/>
    </xf>
    <xf numFmtId="0" fontId="12" fillId="0" borderId="0" xfId="0" applyFont="1" applyAlignment="1">
      <alignment horizontal="center" vertical="center" wrapText="1"/>
    </xf>
    <xf numFmtId="0" fontId="12" fillId="0" borderId="21" xfId="0" applyFont="1" applyBorder="1" applyAlignment="1">
      <alignment horizontal="center" vertical="center" wrapText="1"/>
    </xf>
    <xf numFmtId="0" fontId="12" fillId="3" borderId="29" xfId="0" applyFont="1" applyFill="1" applyBorder="1" applyAlignment="1">
      <alignment horizontal="center" vertical="center" wrapText="1"/>
    </xf>
    <xf numFmtId="0" fontId="12" fillId="3" borderId="38" xfId="0" applyFont="1" applyFill="1" applyBorder="1" applyAlignment="1">
      <alignment horizontal="center" vertical="center" wrapText="1"/>
    </xf>
    <xf numFmtId="0" fontId="12" fillId="4" borderId="38" xfId="0" applyFont="1" applyFill="1" applyBorder="1" applyAlignment="1" applyProtection="1">
      <alignment horizontal="center" vertical="center"/>
      <protection locked="0"/>
    </xf>
    <xf numFmtId="0" fontId="17" fillId="0" borderId="34" xfId="0" applyFont="1" applyBorder="1" applyAlignment="1">
      <alignment horizontal="center" vertical="center"/>
    </xf>
    <xf numFmtId="0" fontId="17" fillId="0" borderId="56" xfId="0" applyFont="1" applyBorder="1" applyAlignment="1">
      <alignment horizontal="center" vertical="center"/>
    </xf>
    <xf numFmtId="49" fontId="25" fillId="0" borderId="8" xfId="0" applyNumberFormat="1" applyFont="1" applyBorder="1" applyAlignment="1">
      <alignment horizontal="center" vertical="center"/>
    </xf>
    <xf numFmtId="0" fontId="14" fillId="0" borderId="0" xfId="0" applyFont="1" applyAlignment="1" applyProtection="1">
      <alignment horizontal="right" vertical="center"/>
      <protection locked="0"/>
    </xf>
    <xf numFmtId="0" fontId="7" fillId="0" borderId="0" xfId="4" applyFont="1" applyFill="1" applyBorder="1" applyAlignment="1" applyProtection="1">
      <alignment horizontal="center" vertical="center"/>
    </xf>
    <xf numFmtId="0" fontId="7" fillId="2" borderId="3" xfId="0" applyFont="1" applyFill="1" applyBorder="1" applyAlignment="1">
      <alignment horizontal="center" vertical="center"/>
    </xf>
    <xf numFmtId="0" fontId="7" fillId="2" borderId="4"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3" xfId="4" applyFont="1" applyFill="1" applyBorder="1" applyAlignment="1" applyProtection="1">
      <alignment horizontal="center" vertical="center"/>
    </xf>
    <xf numFmtId="0" fontId="7" fillId="2" borderId="4" xfId="4" applyFont="1" applyFill="1" applyBorder="1" applyAlignment="1" applyProtection="1">
      <alignment horizontal="center" vertical="center"/>
    </xf>
    <xf numFmtId="0" fontId="7" fillId="2" borderId="5" xfId="4" applyFont="1" applyFill="1" applyBorder="1" applyAlignment="1" applyProtection="1">
      <alignment horizontal="center" vertical="center"/>
    </xf>
    <xf numFmtId="0" fontId="7" fillId="0" borderId="10" xfId="0" applyFont="1" applyBorder="1" applyAlignment="1">
      <alignment horizontal="center" vertical="center"/>
    </xf>
    <xf numFmtId="0" fontId="7" fillId="0" borderId="8" xfId="0" applyFont="1" applyBorder="1" applyAlignment="1">
      <alignment horizontal="center" vertical="center"/>
    </xf>
    <xf numFmtId="0" fontId="7" fillId="0" borderId="18" xfId="0" applyFont="1" applyBorder="1" applyAlignment="1">
      <alignment horizontal="center" vertical="center"/>
    </xf>
    <xf numFmtId="0" fontId="11" fillId="0" borderId="7" xfId="0" applyFont="1" applyBorder="1" applyAlignment="1">
      <alignment horizontal="center" vertical="center"/>
    </xf>
    <xf numFmtId="0" fontId="11" fillId="0" borderId="15" xfId="0" applyFont="1" applyBorder="1" applyAlignment="1">
      <alignment horizontal="center" vertical="center"/>
    </xf>
    <xf numFmtId="0" fontId="11" fillId="0" borderId="20" xfId="0" applyFont="1" applyBorder="1" applyAlignment="1">
      <alignment horizontal="center" vertical="center"/>
    </xf>
    <xf numFmtId="0" fontId="7" fillId="0" borderId="7" xfId="0" applyFont="1" applyBorder="1" applyAlignment="1">
      <alignment horizontal="center" vertical="center"/>
    </xf>
    <xf numFmtId="0" fontId="7" fillId="0" borderId="15" xfId="0" applyFont="1" applyBorder="1" applyAlignment="1">
      <alignment horizontal="center" vertical="center"/>
    </xf>
    <xf numFmtId="0" fontId="7" fillId="0" borderId="20" xfId="0" applyFont="1" applyBorder="1" applyAlignment="1">
      <alignment horizontal="center" vertical="center"/>
    </xf>
    <xf numFmtId="0" fontId="18" fillId="0" borderId="8" xfId="0" applyFont="1" applyBorder="1" applyAlignment="1">
      <alignment horizontal="center" vertical="center" wrapText="1"/>
    </xf>
    <xf numFmtId="0" fontId="18" fillId="0" borderId="44" xfId="0" applyFont="1" applyBorder="1" applyAlignment="1">
      <alignment horizontal="center" vertical="center" wrapText="1"/>
    </xf>
    <xf numFmtId="0" fontId="18" fillId="0" borderId="0" xfId="0" applyFont="1" applyBorder="1" applyAlignment="1">
      <alignment horizontal="center" vertical="center" wrapText="1"/>
    </xf>
    <xf numFmtId="0" fontId="18" fillId="0" borderId="57" xfId="0" applyFont="1" applyBorder="1" applyAlignment="1">
      <alignment horizontal="center" vertical="center" wrapText="1"/>
    </xf>
    <xf numFmtId="0" fontId="18" fillId="0" borderId="1" xfId="0" applyFont="1" applyBorder="1" applyAlignment="1">
      <alignment horizontal="center" vertical="center" wrapText="1"/>
    </xf>
    <xf numFmtId="0" fontId="18" fillId="0" borderId="45" xfId="0" applyFont="1" applyBorder="1" applyAlignment="1">
      <alignment horizontal="center" vertical="center" wrapText="1"/>
    </xf>
    <xf numFmtId="0" fontId="17" fillId="0" borderId="26" xfId="0" applyFont="1" applyBorder="1" applyAlignment="1">
      <alignment horizontal="center" vertical="center"/>
    </xf>
    <xf numFmtId="0" fontId="17" fillId="0" borderId="27" xfId="0" applyFont="1" applyBorder="1" applyAlignment="1">
      <alignment horizontal="center" vertical="center"/>
    </xf>
    <xf numFmtId="0" fontId="17" fillId="0" borderId="35" xfId="0" applyFont="1" applyBorder="1" applyAlignment="1">
      <alignment horizontal="center" vertical="center"/>
    </xf>
    <xf numFmtId="0" fontId="8" fillId="0" borderId="0" xfId="0" applyFont="1" applyFill="1" applyBorder="1" applyAlignment="1" applyProtection="1">
      <alignment horizontal="left" vertical="center"/>
      <protection locked="0"/>
    </xf>
    <xf numFmtId="0" fontId="8" fillId="0" borderId="1" xfId="0" applyFont="1" applyFill="1" applyBorder="1" applyAlignment="1" applyProtection="1">
      <alignment horizontal="left" vertical="center"/>
      <protection locked="0"/>
    </xf>
    <xf numFmtId="0" fontId="12" fillId="3" borderId="16" xfId="0" applyFont="1" applyFill="1" applyBorder="1" applyAlignment="1" applyProtection="1">
      <alignment horizontal="center" vertical="center"/>
      <protection locked="0"/>
    </xf>
    <xf numFmtId="0" fontId="7" fillId="3" borderId="16" xfId="0" applyFont="1" applyFill="1" applyBorder="1" applyAlignment="1" applyProtection="1">
      <alignment horizontal="center" vertical="center"/>
      <protection locked="0"/>
    </xf>
    <xf numFmtId="0" fontId="12" fillId="3" borderId="16" xfId="0" applyFont="1" applyFill="1" applyBorder="1" applyAlignment="1">
      <alignment horizontal="center" vertical="center"/>
    </xf>
    <xf numFmtId="0" fontId="7" fillId="0" borderId="30" xfId="0" applyFont="1" applyBorder="1" applyAlignment="1">
      <alignment horizontal="left" vertical="top" wrapText="1"/>
    </xf>
    <xf numFmtId="0" fontId="12" fillId="0" borderId="41" xfId="0" applyFont="1" applyBorder="1" applyAlignment="1">
      <alignment horizontal="left" vertical="top"/>
    </xf>
    <xf numFmtId="0" fontId="12" fillId="0" borderId="71" xfId="0" applyFont="1" applyBorder="1" applyAlignment="1">
      <alignment horizontal="left" vertical="top"/>
    </xf>
    <xf numFmtId="0" fontId="7" fillId="0" borderId="12" xfId="0" applyFont="1" applyBorder="1" applyAlignment="1">
      <alignment horizontal="center" vertical="center"/>
    </xf>
    <xf numFmtId="0" fontId="12" fillId="0" borderId="0" xfId="0" applyFont="1" applyBorder="1" applyAlignment="1">
      <alignment horizontal="center" vertical="center"/>
    </xf>
    <xf numFmtId="0" fontId="12" fillId="0" borderId="21" xfId="0" applyFont="1" applyBorder="1" applyAlignment="1">
      <alignment horizontal="center" vertical="center"/>
    </xf>
    <xf numFmtId="0" fontId="7" fillId="0" borderId="4" xfId="0" applyFont="1" applyBorder="1" applyAlignment="1">
      <alignment horizontal="center" vertical="center"/>
    </xf>
    <xf numFmtId="0" fontId="11" fillId="0" borderId="4" xfId="0" applyFont="1" applyBorder="1" applyAlignment="1">
      <alignment horizontal="center" vertical="center"/>
    </xf>
    <xf numFmtId="0" fontId="12" fillId="4" borderId="42" xfId="0" applyFont="1" applyFill="1" applyBorder="1" applyAlignment="1">
      <alignment horizontal="center" vertical="center"/>
    </xf>
    <xf numFmtId="0" fontId="12" fillId="4" borderId="53" xfId="0" applyFont="1" applyFill="1" applyBorder="1" applyAlignment="1">
      <alignment horizontal="center" vertical="center"/>
    </xf>
    <xf numFmtId="0" fontId="12" fillId="3" borderId="6" xfId="0" applyFont="1" applyFill="1" applyBorder="1" applyAlignment="1" applyProtection="1">
      <alignment horizontal="center" vertical="center"/>
      <protection locked="0"/>
    </xf>
    <xf numFmtId="0" fontId="12" fillId="0" borderId="48" xfId="0" applyFont="1" applyBorder="1" applyAlignment="1">
      <alignment horizontal="center" vertical="center" shrinkToFit="1"/>
    </xf>
    <xf numFmtId="0" fontId="12" fillId="0" borderId="44" xfId="0" applyFont="1" applyBorder="1" applyAlignment="1">
      <alignment horizontal="center" vertical="center" shrinkToFit="1"/>
    </xf>
    <xf numFmtId="0" fontId="12" fillId="4" borderId="48" xfId="0" applyFont="1" applyFill="1" applyBorder="1" applyAlignment="1" applyProtection="1">
      <alignment horizontal="center" vertical="center" shrinkToFit="1"/>
      <protection locked="0"/>
    </xf>
    <xf numFmtId="0" fontId="12" fillId="4" borderId="8" xfId="0" applyFont="1" applyFill="1" applyBorder="1" applyAlignment="1" applyProtection="1">
      <alignment horizontal="center" vertical="center" shrinkToFit="1"/>
      <protection locked="0"/>
    </xf>
    <xf numFmtId="0" fontId="12" fillId="4" borderId="33" xfId="0" applyFont="1" applyFill="1" applyBorder="1" applyAlignment="1" applyProtection="1">
      <alignment horizontal="center" vertical="center" shrinkToFit="1"/>
      <protection locked="0"/>
    </xf>
    <xf numFmtId="0" fontId="11" fillId="0" borderId="33" xfId="0" applyFont="1" applyBorder="1" applyAlignment="1">
      <alignment horizontal="center" vertical="center" shrinkToFit="1"/>
    </xf>
    <xf numFmtId="0" fontId="18" fillId="5" borderId="29" xfId="0" applyFont="1" applyFill="1" applyBorder="1" applyAlignment="1">
      <alignment horizontal="center" vertical="center" wrapText="1"/>
    </xf>
    <xf numFmtId="0" fontId="18" fillId="5" borderId="38" xfId="0" applyFont="1" applyFill="1" applyBorder="1" applyAlignment="1">
      <alignment horizontal="center" vertical="center" wrapText="1"/>
    </xf>
    <xf numFmtId="177" fontId="8" fillId="4" borderId="51" xfId="0" applyNumberFormat="1" applyFont="1" applyFill="1" applyBorder="1" applyAlignment="1" applyProtection="1">
      <alignment horizontal="center" vertical="center"/>
      <protection locked="0"/>
    </xf>
    <xf numFmtId="177" fontId="8" fillId="4" borderId="38" xfId="0" applyNumberFormat="1" applyFont="1" applyFill="1" applyBorder="1" applyAlignment="1" applyProtection="1">
      <alignment horizontal="center" vertical="center"/>
      <protection locked="0"/>
    </xf>
    <xf numFmtId="0" fontId="8" fillId="4" borderId="38" xfId="0" applyFont="1" applyFill="1" applyBorder="1" applyAlignment="1" applyProtection="1">
      <alignment horizontal="center" vertical="center"/>
      <protection locked="0"/>
    </xf>
    <xf numFmtId="0" fontId="12" fillId="0" borderId="29" xfId="0" applyFont="1" applyBorder="1" applyAlignment="1">
      <alignment horizontal="center" vertical="center" shrinkToFit="1"/>
    </xf>
    <xf numFmtId="0" fontId="12" fillId="0" borderId="40" xfId="0" applyFont="1" applyBorder="1" applyAlignment="1">
      <alignment horizontal="center" vertical="center" shrinkToFit="1"/>
    </xf>
    <xf numFmtId="0" fontId="12" fillId="4" borderId="43" xfId="0" applyFont="1" applyFill="1" applyBorder="1" applyAlignment="1" applyProtection="1">
      <alignment horizontal="center" vertical="center" shrinkToFit="1"/>
      <protection locked="0"/>
    </xf>
    <xf numFmtId="0" fontId="12" fillId="4" borderId="38" xfId="0" applyFont="1" applyFill="1" applyBorder="1" applyAlignment="1" applyProtection="1">
      <alignment horizontal="center" vertical="center" shrinkToFit="1"/>
      <protection locked="0"/>
    </xf>
    <xf numFmtId="0" fontId="12" fillId="2" borderId="46" xfId="0" applyFont="1" applyFill="1" applyBorder="1" applyAlignment="1">
      <alignment horizontal="center" vertical="center"/>
    </xf>
    <xf numFmtId="0" fontId="11" fillId="2" borderId="39" xfId="0" applyFont="1" applyFill="1" applyBorder="1" applyAlignment="1">
      <alignment horizontal="center" vertical="center"/>
    </xf>
    <xf numFmtId="0" fontId="12" fillId="2" borderId="33" xfId="0" applyFont="1" applyFill="1" applyBorder="1" applyAlignment="1">
      <alignment vertical="center"/>
    </xf>
    <xf numFmtId="0" fontId="11" fillId="2" borderId="33" xfId="0" applyFont="1" applyFill="1" applyBorder="1" applyAlignment="1">
      <alignment vertical="center"/>
    </xf>
    <xf numFmtId="0" fontId="12" fillId="2" borderId="29" xfId="0" applyFont="1" applyFill="1" applyBorder="1" applyAlignment="1">
      <alignment horizontal="center" vertical="center" shrinkToFit="1"/>
    </xf>
    <xf numFmtId="0" fontId="12" fillId="2" borderId="40" xfId="0" applyFont="1" applyFill="1" applyBorder="1" applyAlignment="1">
      <alignment horizontal="center" vertical="center" shrinkToFit="1"/>
    </xf>
    <xf numFmtId="0" fontId="12" fillId="2" borderId="43" xfId="0" applyFont="1" applyFill="1" applyBorder="1" applyAlignment="1" applyProtection="1">
      <alignment horizontal="center" vertical="center" shrinkToFit="1"/>
      <protection locked="0"/>
    </xf>
    <xf numFmtId="0" fontId="12" fillId="2" borderId="38" xfId="0" applyFont="1" applyFill="1" applyBorder="1" applyAlignment="1" applyProtection="1">
      <alignment horizontal="center" vertical="center" shrinkToFit="1"/>
      <protection locked="0"/>
    </xf>
    <xf numFmtId="0" fontId="12" fillId="2" borderId="6" xfId="0" applyFont="1" applyFill="1" applyBorder="1" applyAlignment="1">
      <alignment horizontal="center" vertical="center"/>
    </xf>
    <xf numFmtId="0" fontId="12" fillId="2" borderId="16" xfId="0" applyFont="1" applyFill="1" applyBorder="1" applyAlignment="1">
      <alignment horizontal="center" vertical="center"/>
    </xf>
    <xf numFmtId="0" fontId="12" fillId="2" borderId="22" xfId="0" applyFont="1" applyFill="1" applyBorder="1" applyAlignment="1">
      <alignment horizontal="center" vertical="center"/>
    </xf>
    <xf numFmtId="0" fontId="8" fillId="2" borderId="16" xfId="0" applyFont="1" applyFill="1" applyBorder="1" applyAlignment="1" applyProtection="1">
      <alignment horizontal="center" vertical="center"/>
      <protection locked="0"/>
    </xf>
    <xf numFmtId="0" fontId="8" fillId="2" borderId="16" xfId="0" applyFont="1" applyFill="1" applyBorder="1" applyAlignment="1">
      <alignment horizontal="center" vertical="center"/>
    </xf>
    <xf numFmtId="0" fontId="8" fillId="2" borderId="22" xfId="0" applyFont="1" applyFill="1" applyBorder="1" applyAlignment="1">
      <alignment horizontal="center" vertical="center"/>
    </xf>
    <xf numFmtId="0" fontId="12" fillId="3" borderId="29" xfId="0" applyFont="1" applyFill="1" applyBorder="1" applyAlignment="1">
      <alignment horizontal="center" vertical="center"/>
    </xf>
    <xf numFmtId="0" fontId="12" fillId="3" borderId="40" xfId="0" applyFont="1" applyFill="1" applyBorder="1" applyAlignment="1">
      <alignment horizontal="center" vertical="center"/>
    </xf>
    <xf numFmtId="0" fontId="7" fillId="4" borderId="38" xfId="0" applyFont="1" applyFill="1" applyBorder="1" applyAlignment="1" applyProtection="1">
      <alignment horizontal="center" vertical="center"/>
      <protection locked="0"/>
    </xf>
    <xf numFmtId="0" fontId="12" fillId="3" borderId="38" xfId="0" applyFont="1" applyFill="1" applyBorder="1" applyAlignment="1">
      <alignment horizontal="center" vertical="center"/>
    </xf>
    <xf numFmtId="0" fontId="11" fillId="0" borderId="38" xfId="0" applyFont="1" applyBorder="1" applyAlignment="1">
      <alignment vertical="center"/>
    </xf>
    <xf numFmtId="0" fontId="11" fillId="0" borderId="55" xfId="0" applyFont="1" applyBorder="1" applyAlignment="1">
      <alignment vertical="center"/>
    </xf>
    <xf numFmtId="0" fontId="11" fillId="2" borderId="63" xfId="0" applyFont="1" applyFill="1" applyBorder="1" applyAlignment="1">
      <alignment vertical="center"/>
    </xf>
    <xf numFmtId="0" fontId="12" fillId="2" borderId="29" xfId="0" applyFont="1" applyFill="1" applyBorder="1" applyAlignment="1" applyProtection="1">
      <alignment horizontal="center" vertical="center"/>
      <protection locked="0"/>
    </xf>
    <xf numFmtId="0" fontId="12" fillId="2" borderId="38" xfId="0" applyFont="1" applyFill="1" applyBorder="1" applyAlignment="1" applyProtection="1">
      <alignment horizontal="center" vertical="center"/>
      <protection locked="0"/>
    </xf>
    <xf numFmtId="0" fontId="12" fillId="2" borderId="38" xfId="0" applyFont="1" applyFill="1" applyBorder="1" applyAlignment="1">
      <alignment horizontal="center" vertical="center"/>
    </xf>
    <xf numFmtId="0" fontId="12" fillId="2" borderId="40" xfId="0" applyFont="1" applyFill="1" applyBorder="1" applyAlignment="1">
      <alignment horizontal="center" vertical="center"/>
    </xf>
    <xf numFmtId="178" fontId="12" fillId="2" borderId="43" xfId="0" applyNumberFormat="1" applyFont="1" applyFill="1" applyBorder="1" applyAlignment="1" applyProtection="1">
      <alignment horizontal="center" vertical="center"/>
      <protection locked="0"/>
    </xf>
    <xf numFmtId="178" fontId="12" fillId="2" borderId="38" xfId="0" applyNumberFormat="1" applyFont="1" applyFill="1" applyBorder="1" applyAlignment="1" applyProtection="1">
      <alignment horizontal="center" vertical="center"/>
      <protection locked="0"/>
    </xf>
    <xf numFmtId="0" fontId="12" fillId="2" borderId="55" xfId="0" applyFont="1" applyFill="1" applyBorder="1" applyAlignment="1">
      <alignment horizontal="center" vertical="center"/>
    </xf>
    <xf numFmtId="0" fontId="11" fillId="2" borderId="38" xfId="0" applyFont="1" applyFill="1" applyBorder="1" applyAlignment="1">
      <alignment vertical="center"/>
    </xf>
    <xf numFmtId="0" fontId="11" fillId="2" borderId="55" xfId="0" applyFont="1" applyFill="1" applyBorder="1" applyAlignment="1">
      <alignment vertical="center"/>
    </xf>
    <xf numFmtId="0" fontId="12" fillId="2" borderId="24" xfId="0" applyFont="1" applyFill="1" applyBorder="1" applyAlignment="1">
      <alignment horizontal="center" vertical="center"/>
    </xf>
    <xf numFmtId="0" fontId="12" fillId="2" borderId="39" xfId="0" applyFont="1" applyFill="1" applyBorder="1" applyAlignment="1">
      <alignment horizontal="center" vertical="center"/>
    </xf>
    <xf numFmtId="176" fontId="7" fillId="2" borderId="33" xfId="0" applyNumberFormat="1" applyFont="1" applyFill="1" applyBorder="1" applyAlignment="1" applyProtection="1">
      <alignment horizontal="center" vertical="center"/>
      <protection locked="0"/>
    </xf>
    <xf numFmtId="0" fontId="12" fillId="2" borderId="33" xfId="0" applyFont="1" applyFill="1" applyBorder="1" applyAlignment="1" applyProtection="1">
      <alignment horizontal="center" vertical="center" wrapText="1"/>
      <protection locked="0"/>
    </xf>
    <xf numFmtId="0" fontId="7" fillId="2" borderId="33" xfId="0" applyFont="1" applyFill="1" applyBorder="1" applyAlignment="1" applyProtection="1">
      <alignment horizontal="center" vertical="center"/>
      <protection locked="0"/>
    </xf>
    <xf numFmtId="0" fontId="12" fillId="2" borderId="33" xfId="0" applyFont="1" applyFill="1" applyBorder="1" applyAlignment="1">
      <alignment horizontal="center" vertical="center"/>
    </xf>
    <xf numFmtId="0" fontId="12" fillId="0" borderId="8" xfId="0" applyFont="1" applyBorder="1" applyAlignment="1">
      <alignment horizontal="center" vertical="center"/>
    </xf>
    <xf numFmtId="0" fontId="7" fillId="0" borderId="28" xfId="0" applyFont="1" applyBorder="1" applyAlignment="1">
      <alignment horizontal="center" vertical="center"/>
    </xf>
    <xf numFmtId="0" fontId="7" fillId="0" borderId="36" xfId="0" applyFont="1" applyBorder="1" applyAlignment="1">
      <alignment horizontal="center" vertical="center"/>
    </xf>
    <xf numFmtId="177" fontId="12" fillId="4" borderId="36" xfId="0" applyNumberFormat="1" applyFont="1" applyFill="1" applyBorder="1" applyAlignment="1" applyProtection="1">
      <alignment horizontal="center" vertical="center"/>
      <protection locked="0"/>
    </xf>
    <xf numFmtId="0" fontId="7" fillId="0" borderId="69" xfId="0" applyFont="1" applyBorder="1" applyAlignment="1">
      <alignment horizontal="center" vertical="center"/>
    </xf>
    <xf numFmtId="178" fontId="12" fillId="4" borderId="15" xfId="0" applyNumberFormat="1" applyFont="1" applyFill="1" applyBorder="1" applyAlignment="1" applyProtection="1">
      <alignment horizontal="center" vertical="center"/>
      <protection locked="0"/>
    </xf>
    <xf numFmtId="0" fontId="12" fillId="4" borderId="8" xfId="0" applyFont="1" applyFill="1" applyBorder="1" applyAlignment="1" applyProtection="1">
      <alignment horizontal="center" vertical="center"/>
      <protection locked="0"/>
    </xf>
    <xf numFmtId="178" fontId="12" fillId="4" borderId="8" xfId="0" applyNumberFormat="1" applyFont="1" applyFill="1" applyBorder="1" applyAlignment="1" applyProtection="1">
      <alignment horizontal="center" vertical="center"/>
      <protection locked="0"/>
    </xf>
    <xf numFmtId="0" fontId="12" fillId="3" borderId="12" xfId="0" applyFont="1" applyFill="1" applyBorder="1" applyAlignment="1">
      <alignment horizontal="center" vertical="center" wrapText="1"/>
    </xf>
    <xf numFmtId="0" fontId="12" fillId="3" borderId="0" xfId="0" applyFont="1" applyFill="1" applyBorder="1" applyAlignment="1">
      <alignment horizontal="center" vertical="center" wrapText="1"/>
    </xf>
    <xf numFmtId="0" fontId="12" fillId="4" borderId="0" xfId="0" applyFont="1" applyFill="1" applyBorder="1" applyAlignment="1" applyProtection="1">
      <alignment horizontal="center" vertical="center"/>
      <protection locked="0"/>
    </xf>
    <xf numFmtId="0" fontId="12" fillId="4" borderId="1" xfId="0" applyFont="1" applyFill="1" applyBorder="1" applyAlignment="1" applyProtection="1">
      <alignment horizontal="center" vertical="center"/>
      <protection locked="0"/>
    </xf>
    <xf numFmtId="0" fontId="8" fillId="4" borderId="36" xfId="0" applyFont="1" applyFill="1" applyBorder="1" applyAlignment="1" applyProtection="1">
      <alignment horizontal="center" vertical="center"/>
      <protection locked="0"/>
    </xf>
    <xf numFmtId="178" fontId="12" fillId="4" borderId="36" xfId="0" applyNumberFormat="1" applyFont="1" applyFill="1" applyBorder="1" applyAlignment="1" applyProtection="1">
      <alignment horizontal="center" vertical="center"/>
      <protection locked="0"/>
    </xf>
    <xf numFmtId="0" fontId="12" fillId="3" borderId="26" xfId="0" applyFont="1" applyFill="1" applyBorder="1" applyAlignment="1">
      <alignment horizontal="center" vertical="center" wrapText="1"/>
    </xf>
    <xf numFmtId="0" fontId="12" fillId="3" borderId="37" xfId="0" applyFont="1" applyFill="1" applyBorder="1" applyAlignment="1">
      <alignment horizontal="center" vertical="center" wrapText="1"/>
    </xf>
    <xf numFmtId="0" fontId="12" fillId="4" borderId="36" xfId="0" applyFont="1" applyFill="1" applyBorder="1" applyAlignment="1" applyProtection="1">
      <alignment horizontal="center" vertical="center"/>
      <protection locked="0"/>
    </xf>
    <xf numFmtId="0" fontId="8" fillId="0" borderId="48" xfId="0" applyFont="1" applyBorder="1" applyAlignment="1">
      <alignment horizontal="center" vertical="center"/>
    </xf>
    <xf numFmtId="0" fontId="8" fillId="0" borderId="8" xfId="0" applyFont="1" applyBorder="1" applyAlignment="1">
      <alignment horizontal="center" vertical="center"/>
    </xf>
    <xf numFmtId="0" fontId="8" fillId="4" borderId="8" xfId="0" applyFont="1" applyFill="1" applyBorder="1" applyAlignment="1" applyProtection="1">
      <alignment horizontal="center" vertical="center"/>
      <protection locked="0"/>
    </xf>
    <xf numFmtId="0" fontId="7" fillId="0" borderId="52" xfId="0" applyFont="1" applyBorder="1" applyAlignment="1">
      <alignment horizontal="center" vertical="center"/>
    </xf>
    <xf numFmtId="0" fontId="12" fillId="0" borderId="50" xfId="0" applyFont="1" applyBorder="1" applyAlignment="1">
      <alignment horizontal="center" vertical="center"/>
    </xf>
    <xf numFmtId="0" fontId="12" fillId="0" borderId="36" xfId="0" applyFont="1" applyBorder="1" applyAlignment="1">
      <alignment horizontal="center" vertical="center"/>
    </xf>
    <xf numFmtId="0" fontId="7" fillId="4" borderId="36" xfId="0" applyFont="1" applyFill="1" applyBorder="1" applyAlignment="1" applyProtection="1">
      <alignment horizontal="center" vertical="center"/>
      <protection locked="0"/>
    </xf>
    <xf numFmtId="0" fontId="7" fillId="4" borderId="1" xfId="0" applyFont="1" applyFill="1" applyBorder="1" applyAlignment="1" applyProtection="1">
      <alignment horizontal="center" vertical="center"/>
      <protection locked="0"/>
    </xf>
    <xf numFmtId="0" fontId="7" fillId="0" borderId="49" xfId="0" applyFont="1" applyBorder="1" applyAlignment="1">
      <alignment horizontal="center" vertical="center"/>
    </xf>
    <xf numFmtId="0" fontId="12" fillId="0" borderId="36" xfId="0" applyFont="1" applyBorder="1" applyAlignment="1">
      <alignment horizontal="center" vertical="center" shrinkToFit="1"/>
    </xf>
    <xf numFmtId="0" fontId="12" fillId="0" borderId="46" xfId="0" applyFont="1" applyBorder="1" applyAlignment="1">
      <alignment horizontal="center" vertical="center" wrapText="1"/>
    </xf>
    <xf numFmtId="0" fontId="12" fillId="0" borderId="33" xfId="0" applyFont="1" applyBorder="1" applyAlignment="1">
      <alignment horizontal="center" vertical="center" wrapText="1"/>
    </xf>
    <xf numFmtId="0" fontId="12" fillId="0" borderId="39" xfId="0" applyFont="1" applyBorder="1" applyAlignment="1">
      <alignment horizontal="center" vertical="center" wrapText="1"/>
    </xf>
    <xf numFmtId="0" fontId="7" fillId="4" borderId="46" xfId="0" applyFont="1" applyFill="1" applyBorder="1" applyAlignment="1" applyProtection="1">
      <alignment horizontal="center" vertical="center"/>
      <protection locked="0"/>
    </xf>
    <xf numFmtId="0" fontId="7" fillId="4" borderId="33" xfId="0" applyFont="1" applyFill="1" applyBorder="1" applyAlignment="1" applyProtection="1">
      <alignment horizontal="center" vertical="center"/>
      <protection locked="0"/>
    </xf>
    <xf numFmtId="0" fontId="7" fillId="4" borderId="16" xfId="0" applyFont="1" applyFill="1" applyBorder="1" applyAlignment="1" applyProtection="1">
      <alignment horizontal="center" vertical="center"/>
      <protection locked="0"/>
    </xf>
    <xf numFmtId="0" fontId="17" fillId="0" borderId="24" xfId="0" applyFont="1" applyBorder="1" applyAlignment="1">
      <alignment horizontal="center" vertical="center" wrapText="1"/>
    </xf>
    <xf numFmtId="0" fontId="17" fillId="0" borderId="33" xfId="0" applyFont="1" applyBorder="1" applyAlignment="1">
      <alignment horizontal="center" vertical="center"/>
    </xf>
    <xf numFmtId="0" fontId="17" fillId="0" borderId="39" xfId="0" applyFont="1" applyBorder="1" applyAlignment="1">
      <alignment horizontal="center" vertical="center"/>
    </xf>
    <xf numFmtId="0" fontId="7" fillId="4" borderId="46" xfId="0" applyFont="1" applyFill="1" applyBorder="1" applyAlignment="1" applyProtection="1">
      <alignment horizontal="left" vertical="center"/>
      <protection locked="0"/>
    </xf>
    <xf numFmtId="0" fontId="7" fillId="4" borderId="33" xfId="0" applyFont="1" applyFill="1" applyBorder="1" applyAlignment="1" applyProtection="1">
      <alignment horizontal="left" vertical="center"/>
      <protection locked="0"/>
    </xf>
    <xf numFmtId="0" fontId="7" fillId="4" borderId="63" xfId="0" applyFont="1" applyFill="1" applyBorder="1" applyAlignment="1" applyProtection="1">
      <alignment horizontal="left" vertical="center"/>
      <protection locked="0"/>
    </xf>
    <xf numFmtId="0" fontId="7" fillId="4" borderId="47" xfId="0" applyFont="1" applyFill="1" applyBorder="1" applyAlignment="1" applyProtection="1">
      <alignment horizontal="left" vertical="center"/>
      <protection locked="0"/>
    </xf>
    <xf numFmtId="0" fontId="7" fillId="4" borderId="16" xfId="0" applyFont="1" applyFill="1" applyBorder="1" applyAlignment="1" applyProtection="1">
      <alignment horizontal="left" vertical="center"/>
      <protection locked="0"/>
    </xf>
    <xf numFmtId="0" fontId="7" fillId="4" borderId="22" xfId="0" applyFont="1" applyFill="1" applyBorder="1" applyAlignment="1" applyProtection="1">
      <alignment horizontal="left" vertical="center"/>
      <protection locked="0"/>
    </xf>
    <xf numFmtId="0" fontId="17" fillId="4" borderId="15" xfId="0" applyFont="1" applyFill="1" applyBorder="1" applyAlignment="1">
      <alignment horizontal="left" vertical="center"/>
    </xf>
    <xf numFmtId="0" fontId="11" fillId="0" borderId="15" xfId="0" applyFont="1" applyBorder="1" applyAlignment="1">
      <alignment vertical="center"/>
    </xf>
    <xf numFmtId="0" fontId="24" fillId="5" borderId="61" xfId="0" applyFont="1" applyFill="1" applyBorder="1" applyAlignment="1">
      <alignment horizontal="center" vertical="center"/>
    </xf>
    <xf numFmtId="0" fontId="7" fillId="0" borderId="9" xfId="0" applyFont="1" applyBorder="1" applyAlignment="1">
      <alignment horizontal="center" vertical="center"/>
    </xf>
    <xf numFmtId="0" fontId="7" fillId="0" borderId="13" xfId="0" applyFont="1" applyBorder="1" applyAlignment="1">
      <alignment horizontal="center" vertical="center"/>
    </xf>
    <xf numFmtId="0" fontId="7" fillId="0" borderId="17" xfId="0" applyFont="1" applyBorder="1" applyAlignment="1">
      <alignment horizontal="center" vertical="center"/>
    </xf>
    <xf numFmtId="0" fontId="7" fillId="0" borderId="47" xfId="0" applyFont="1" applyBorder="1" applyAlignment="1">
      <alignment horizontal="center" vertical="center"/>
    </xf>
    <xf numFmtId="0" fontId="17" fillId="2" borderId="15" xfId="0" applyFont="1" applyFill="1" applyBorder="1" applyAlignment="1" applyProtection="1">
      <alignment horizontal="left" vertical="center"/>
      <protection locked="0"/>
    </xf>
    <xf numFmtId="0" fontId="7" fillId="4" borderId="23" xfId="0" applyFont="1" applyFill="1" applyBorder="1" applyAlignment="1" applyProtection="1">
      <alignment horizontal="left" vertical="center" wrapText="1"/>
      <protection locked="0"/>
    </xf>
    <xf numFmtId="0" fontId="7" fillId="4" borderId="32" xfId="0" applyFont="1" applyFill="1" applyBorder="1" applyAlignment="1" applyProtection="1">
      <alignment horizontal="left" vertical="center" wrapText="1"/>
      <protection locked="0"/>
    </xf>
    <xf numFmtId="0" fontId="7" fillId="4" borderId="62" xfId="0" applyFont="1" applyFill="1" applyBorder="1" applyAlignment="1" applyProtection="1">
      <alignment horizontal="left" vertical="center" wrapText="1"/>
      <protection locked="0"/>
    </xf>
    <xf numFmtId="0" fontId="7" fillId="0" borderId="11" xfId="0" applyFont="1" applyBorder="1" applyAlignment="1">
      <alignment horizontal="center" vertical="center"/>
    </xf>
    <xf numFmtId="0" fontId="7" fillId="0" borderId="14" xfId="0" applyFont="1" applyBorder="1" applyAlignment="1">
      <alignment horizontal="center" vertical="center"/>
    </xf>
    <xf numFmtId="0" fontId="7" fillId="0" borderId="19" xfId="0" applyFont="1" applyBorder="1" applyAlignment="1">
      <alignment horizontal="center" vertical="center"/>
    </xf>
    <xf numFmtId="0" fontId="7" fillId="4" borderId="7" xfId="0" applyFont="1" applyFill="1" applyBorder="1" applyAlignment="1" applyProtection="1">
      <alignment horizontal="left" vertical="center"/>
      <protection locked="0"/>
    </xf>
    <xf numFmtId="0" fontId="7" fillId="4" borderId="15" xfId="0" applyFont="1" applyFill="1" applyBorder="1" applyAlignment="1" applyProtection="1">
      <alignment horizontal="left" vertical="center"/>
      <protection locked="0"/>
    </xf>
    <xf numFmtId="0" fontId="18" fillId="0" borderId="64" xfId="0" applyFont="1" applyBorder="1" applyAlignment="1">
      <alignment horizontal="center" vertical="center"/>
    </xf>
    <xf numFmtId="0" fontId="18" fillId="0" borderId="65" xfId="0" applyFont="1" applyBorder="1" applyAlignment="1">
      <alignment horizontal="center" vertical="center"/>
    </xf>
    <xf numFmtId="0" fontId="11" fillId="0" borderId="65" xfId="0" applyFont="1" applyBorder="1" applyAlignment="1">
      <alignment horizontal="center" vertical="center"/>
    </xf>
    <xf numFmtId="0" fontId="18" fillId="4" borderId="15" xfId="0" applyFont="1" applyFill="1" applyBorder="1" applyAlignment="1" applyProtection="1">
      <alignment horizontal="center" vertical="center"/>
      <protection locked="0"/>
    </xf>
    <xf numFmtId="0" fontId="8" fillId="0" borderId="0" xfId="0" applyFont="1" applyAlignment="1" applyProtection="1">
      <alignment horizontal="left" vertical="center"/>
      <protection locked="0"/>
    </xf>
    <xf numFmtId="0" fontId="8" fillId="5" borderId="61" xfId="4" applyFont="1" applyFill="1" applyBorder="1" applyAlignment="1" applyProtection="1">
      <alignment horizontal="left" vertical="center"/>
    </xf>
    <xf numFmtId="0" fontId="8" fillId="4" borderId="61" xfId="4" applyFont="1" applyFill="1" applyBorder="1" applyAlignment="1" applyProtection="1">
      <alignment horizontal="left" vertical="center"/>
      <protection locked="0"/>
    </xf>
    <xf numFmtId="0" fontId="8" fillId="0" borderId="0" xfId="0" applyFont="1" applyAlignment="1">
      <alignment horizontal="left" vertical="center"/>
    </xf>
    <xf numFmtId="49" fontId="8" fillId="0" borderId="0" xfId="4" applyNumberFormat="1" applyFont="1" applyFill="1" applyBorder="1" applyAlignment="1" applyProtection="1">
      <alignment horizontal="center" vertical="center"/>
      <protection locked="0"/>
    </xf>
    <xf numFmtId="0" fontId="8" fillId="5" borderId="60" xfId="4" applyFont="1" applyFill="1" applyBorder="1" applyAlignment="1" applyProtection="1">
      <alignment horizontal="left" vertical="center"/>
    </xf>
    <xf numFmtId="49" fontId="8" fillId="4" borderId="60" xfId="4" applyNumberFormat="1" applyFont="1" applyFill="1" applyBorder="1" applyAlignment="1" applyProtection="1">
      <alignment horizontal="center" vertical="center"/>
      <protection locked="0"/>
    </xf>
    <xf numFmtId="0" fontId="11" fillId="0" borderId="60" xfId="0" applyFont="1" applyBorder="1" applyAlignment="1">
      <alignment horizontal="center" vertical="center"/>
    </xf>
    <xf numFmtId="0" fontId="8" fillId="4" borderId="60" xfId="4" applyFont="1" applyFill="1" applyBorder="1" applyAlignment="1" applyProtection="1">
      <alignment horizontal="center" vertical="center"/>
    </xf>
    <xf numFmtId="0" fontId="8" fillId="4" borderId="60" xfId="4" applyFont="1" applyFill="1" applyBorder="1" applyAlignment="1" applyProtection="1">
      <alignment horizontal="left" vertical="center"/>
      <protection locked="0"/>
    </xf>
    <xf numFmtId="0" fontId="8" fillId="0" borderId="0" xfId="0" applyFont="1" applyAlignment="1" applyProtection="1">
      <alignment horizontal="left" vertical="center" shrinkToFit="1"/>
      <protection locked="0"/>
    </xf>
    <xf numFmtId="0" fontId="8" fillId="0" borderId="0" xfId="0" applyFont="1" applyAlignment="1">
      <alignment horizontal="center" vertical="center"/>
    </xf>
    <xf numFmtId="0" fontId="8" fillId="0" borderId="0" xfId="0" applyFont="1" applyAlignment="1" applyProtection="1">
      <alignment horizontal="center" vertical="center"/>
      <protection locked="0"/>
    </xf>
    <xf numFmtId="0" fontId="11" fillId="4" borderId="60" xfId="0" applyFont="1" applyFill="1" applyBorder="1" applyAlignment="1">
      <alignment horizontal="center" vertical="center"/>
    </xf>
    <xf numFmtId="0" fontId="4" fillId="0" borderId="0" xfId="0" applyFont="1" applyAlignment="1">
      <alignment horizontal="center" vertical="center"/>
    </xf>
    <xf numFmtId="0" fontId="5" fillId="0" borderId="1" xfId="0" applyFont="1" applyBorder="1" applyAlignment="1" applyProtection="1">
      <alignment horizontal="center" vertical="center"/>
      <protection locked="0"/>
    </xf>
    <xf numFmtId="0" fontId="21" fillId="0" borderId="0" xfId="0" applyFont="1" applyAlignment="1">
      <alignment horizontal="center" vertical="center"/>
    </xf>
    <xf numFmtId="0" fontId="8" fillId="5" borderId="59" xfId="4" applyFont="1" applyFill="1" applyBorder="1" applyAlignment="1" applyProtection="1">
      <alignment horizontal="center" vertical="center"/>
    </xf>
    <xf numFmtId="0" fontId="8" fillId="4" borderId="59" xfId="4" applyFont="1" applyFill="1" applyBorder="1" applyAlignment="1" applyProtection="1">
      <alignment horizontal="center" vertical="center"/>
    </xf>
    <xf numFmtId="176" fontId="8" fillId="4" borderId="59" xfId="0" applyNumberFormat="1" applyFont="1" applyFill="1" applyBorder="1" applyAlignment="1" applyProtection="1">
      <alignment horizontal="center" vertical="center"/>
      <protection locked="0"/>
    </xf>
    <xf numFmtId="0" fontId="11" fillId="0" borderId="59" xfId="0" applyFont="1" applyBorder="1" applyAlignment="1">
      <alignment horizontal="center" vertical="center"/>
    </xf>
    <xf numFmtId="0" fontId="27" fillId="0" borderId="72" xfId="0" applyFont="1" applyBorder="1" applyAlignment="1">
      <alignment vertical="center" wrapText="1"/>
    </xf>
    <xf numFmtId="0" fontId="27" fillId="0" borderId="72" xfId="0" applyFont="1" applyBorder="1" applyAlignment="1">
      <alignment vertical="center"/>
    </xf>
    <xf numFmtId="0" fontId="27" fillId="0" borderId="73" xfId="0" applyFont="1" applyBorder="1" applyAlignment="1">
      <alignment horizontal="left" vertical="center"/>
    </xf>
    <xf numFmtId="0" fontId="27" fillId="0" borderId="74" xfId="0" applyFont="1" applyBorder="1" applyAlignment="1">
      <alignment horizontal="left" vertical="center"/>
    </xf>
    <xf numFmtId="0" fontId="27" fillId="0" borderId="73" xfId="0" applyFont="1" applyBorder="1" applyAlignment="1">
      <alignment vertical="center" wrapText="1"/>
    </xf>
    <xf numFmtId="0" fontId="14" fillId="0" borderId="74" xfId="0" applyFont="1" applyBorder="1" applyAlignment="1">
      <alignment vertical="center" wrapText="1"/>
    </xf>
    <xf numFmtId="0" fontId="27" fillId="0" borderId="75" xfId="0" applyFont="1" applyBorder="1" applyAlignment="1">
      <alignment vertical="center" wrapText="1"/>
    </xf>
    <xf numFmtId="0" fontId="27" fillId="0" borderId="76" xfId="0" applyFont="1" applyBorder="1" applyAlignment="1">
      <alignment vertical="center"/>
    </xf>
    <xf numFmtId="0" fontId="14" fillId="0" borderId="49" xfId="0" applyFont="1" applyBorder="1" applyAlignment="1">
      <alignment vertical="center"/>
    </xf>
    <xf numFmtId="0" fontId="14" fillId="0" borderId="45" xfId="0" applyFont="1" applyBorder="1" applyAlignment="1">
      <alignment vertical="center"/>
    </xf>
    <xf numFmtId="0" fontId="27" fillId="0" borderId="73" xfId="0" applyFont="1" applyBorder="1" applyAlignment="1">
      <alignment horizontal="left" vertical="center" wrapText="1"/>
    </xf>
    <xf numFmtId="0" fontId="27" fillId="0" borderId="74" xfId="0" applyFont="1" applyBorder="1" applyAlignment="1">
      <alignment horizontal="left" vertical="center" wrapText="1"/>
    </xf>
    <xf numFmtId="0" fontId="27" fillId="0" borderId="74" xfId="0" applyFont="1" applyBorder="1" applyAlignment="1">
      <alignment vertical="center" wrapText="1"/>
    </xf>
    <xf numFmtId="0" fontId="27" fillId="0" borderId="50" xfId="0" applyFont="1" applyBorder="1" applyAlignment="1">
      <alignment vertical="center" wrapText="1"/>
    </xf>
    <xf numFmtId="0" fontId="27" fillId="0" borderId="52" xfId="0" applyFont="1" applyBorder="1" applyAlignment="1">
      <alignment vertical="center" wrapText="1"/>
    </xf>
    <xf numFmtId="0" fontId="27" fillId="0" borderId="50" xfId="0" applyFont="1" applyBorder="1" applyAlignment="1">
      <alignment horizontal="left" vertical="center" wrapText="1"/>
    </xf>
    <xf numFmtId="0" fontId="27" fillId="0" borderId="52" xfId="0" applyFont="1" applyBorder="1" applyAlignment="1">
      <alignment horizontal="left" vertical="center" wrapText="1"/>
    </xf>
    <xf numFmtId="0" fontId="27" fillId="0" borderId="50" xfId="0" applyFont="1" applyBorder="1" applyAlignment="1">
      <alignment horizontal="left" vertical="center" wrapText="1" shrinkToFit="1"/>
    </xf>
    <xf numFmtId="0" fontId="27" fillId="0" borderId="52" xfId="0" applyFont="1" applyBorder="1" applyAlignment="1">
      <alignment horizontal="left" vertical="center" wrapText="1" shrinkToFit="1"/>
    </xf>
    <xf numFmtId="0" fontId="30" fillId="0" borderId="0" xfId="0" applyFont="1" applyAlignment="1">
      <alignment horizontal="center" vertical="center"/>
    </xf>
    <xf numFmtId="0" fontId="27" fillId="0" borderId="72" xfId="0" applyFont="1" applyBorder="1" applyAlignment="1">
      <alignment vertical="center" shrinkToFit="1"/>
    </xf>
  </cellXfs>
  <cellStyles count="6">
    <cellStyle name="ハイパーリンク" xfId="4" builtinId="8"/>
    <cellStyle name="通貨" xfId="5" builtinId="7"/>
    <cellStyle name="標準" xfId="0" builtinId="0"/>
    <cellStyle name="標準 2" xfId="1" xr:uid="{00000000-0005-0000-0000-000001000000}"/>
    <cellStyle name="標準 3" xfId="2" xr:uid="{00000000-0005-0000-0000-000002000000}"/>
    <cellStyle name="標準 4" xfId="3" xr:uid="{00000000-0005-0000-0000-000003000000}"/>
  </cellStyles>
  <dxfs count="0"/>
  <tableStyles count="0" defaultTableStyle="TableStyleMedium2" defaultPivotStyle="PivotStyleLight16"/>
  <colors>
    <mruColors>
      <color rgb="FFFFFFF0"/>
      <color rgb="FFFFFFE1"/>
      <color rgb="FF0000FF"/>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10" Type="http://schemas.openxmlformats.org/officeDocument/2006/relationships/customXml" Target="../customXml/item3.xml"/><Relationship Id="rId4" Type="http://schemas.openxmlformats.org/officeDocument/2006/relationships/theme" Target="theme/theme1.xml"/><Relationship Id="rId9" Type="http://schemas.openxmlformats.org/officeDocument/2006/relationships/customXml" Target="../customXml/item2.xml"/></Relationships>
</file>

<file path=xl/drawings/drawing1.xml><?xml version="1.0" encoding="utf-8"?>
<xdr:wsDr xmlns:xdr="http://schemas.openxmlformats.org/drawingml/2006/spreadsheetDrawing" xmlns:a="http://schemas.openxmlformats.org/drawingml/2006/main">
  <xdr:twoCellAnchor>
    <xdr:from>
      <xdr:col>1</xdr:col>
      <xdr:colOff>95250</xdr:colOff>
      <xdr:row>2</xdr:row>
      <xdr:rowOff>208280</xdr:rowOff>
    </xdr:from>
    <xdr:to>
      <xdr:col>20</xdr:col>
      <xdr:colOff>299085</xdr:colOff>
      <xdr:row>8</xdr:row>
      <xdr:rowOff>236220</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749935" y="855980"/>
          <a:ext cx="6773545" cy="2256790"/>
        </a:xfrm>
        <a:prstGeom prst="rect">
          <a:avLst/>
        </a:prstGeom>
        <a:solidFill>
          <a:schemeClr val="lt1"/>
        </a:solidFill>
        <a:ln w="9525" cmpd="sng">
          <a:solidFill>
            <a:schemeClr val="tx1"/>
          </a:solid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200">
              <a:latin typeface="BIZ UDゴシック"/>
              <a:ea typeface="BIZ UDゴシック"/>
            </a:rPr>
            <a:t>　</a:t>
          </a:r>
          <a:r>
            <a:rPr kumimoji="1" lang="ja-JP" altLang="en-US" sz="1200" u="sng">
              <a:latin typeface="BIZ UDゴシック"/>
              <a:ea typeface="BIZ UDゴシック"/>
            </a:rPr>
            <a:t>この就労証明書は、「教育・保育給付認定」や「施設等利用給付認定」、「保育所等入所</a:t>
          </a:r>
          <a:endParaRPr kumimoji="1" lang="en-US" altLang="ja-JP" sz="1200" u="sng">
            <a:latin typeface="BIZ UDゴシック"/>
            <a:ea typeface="BIZ UDゴシック"/>
          </a:endParaRPr>
        </a:p>
        <a:p>
          <a:r>
            <a:rPr kumimoji="1" lang="ja-JP" altLang="en-US" sz="1200" u="sng">
              <a:latin typeface="BIZ UDゴシック"/>
              <a:ea typeface="BIZ UDゴシック"/>
            </a:rPr>
            <a:t>のための利用調整」に使用します。</a:t>
          </a:r>
          <a:endParaRPr kumimoji="1" lang="en-US" altLang="ja-JP" sz="1200" u="sng">
            <a:latin typeface="BIZ UDゴシック"/>
            <a:ea typeface="BIZ UDゴシック"/>
          </a:endParaRPr>
        </a:p>
        <a:p>
          <a:r>
            <a:rPr kumimoji="1" lang="ja-JP" altLang="en-US" sz="1200">
              <a:latin typeface="BIZ UDゴシック"/>
              <a:ea typeface="BIZ UDゴシック"/>
            </a:rPr>
            <a:t>　この様式は、「国が定める標準的な様式」に、富山市の審査で使用しない項目（灰色）・</a:t>
          </a:r>
          <a:endParaRPr kumimoji="1" lang="en-US" altLang="ja-JP" sz="1200">
            <a:latin typeface="BIZ UDゴシック"/>
            <a:ea typeface="BIZ UDゴシック"/>
          </a:endParaRPr>
        </a:p>
        <a:p>
          <a:r>
            <a:rPr kumimoji="1" lang="ja-JP" altLang="en-US" sz="1200">
              <a:latin typeface="BIZ UDゴシック"/>
              <a:ea typeface="BIZ UDゴシック"/>
            </a:rPr>
            <a:t>富山市独自に使用する項目（</a:t>
          </a:r>
          <a:r>
            <a:rPr kumimoji="1" lang="en-US" altLang="ja-JP" sz="1200">
              <a:latin typeface="BIZ UDゴシック"/>
              <a:ea typeface="BIZ UDゴシック"/>
            </a:rPr>
            <a:t>No.18</a:t>
          </a:r>
          <a:r>
            <a:rPr kumimoji="1" lang="ja-JP" altLang="en-US" sz="1200">
              <a:latin typeface="BIZ UDゴシック"/>
              <a:ea typeface="BIZ UDゴシック"/>
            </a:rPr>
            <a:t>備考欄）を示した様式です。</a:t>
          </a:r>
          <a:endParaRPr kumimoji="1" lang="en-US" altLang="ja-JP" sz="1200">
            <a:latin typeface="BIZ UDゴシック"/>
            <a:ea typeface="BIZ UDゴシック"/>
          </a:endParaRPr>
        </a:p>
        <a:p>
          <a:r>
            <a:rPr kumimoji="1" lang="ja-JP" altLang="en-US" sz="1200">
              <a:latin typeface="BIZ UDゴシック"/>
              <a:ea typeface="BIZ UDゴシック"/>
            </a:rPr>
            <a:t>　任意の様式であっても、この様式中の項目について記載されている場合は、提出いただく</a:t>
          </a:r>
          <a:endParaRPr kumimoji="1" lang="en-US" altLang="ja-JP" sz="1200">
            <a:latin typeface="BIZ UDゴシック"/>
            <a:ea typeface="BIZ UDゴシック"/>
          </a:endParaRPr>
        </a:p>
        <a:p>
          <a:r>
            <a:rPr kumimoji="1" lang="ja-JP" altLang="en-US" sz="1200">
              <a:latin typeface="BIZ UDゴシック"/>
              <a:ea typeface="BIZ UDゴシック"/>
            </a:rPr>
            <a:t>ことができます。</a:t>
          </a:r>
          <a:endParaRPr kumimoji="1" lang="en-US" altLang="ja-JP" sz="1200">
            <a:latin typeface="BIZ UDゴシック"/>
            <a:ea typeface="BIZ UDゴシック"/>
          </a:endParaRPr>
        </a:p>
        <a:p>
          <a:r>
            <a:rPr kumimoji="1" lang="ja-JP" altLang="en-US" sz="1200">
              <a:latin typeface="BIZ UDゴシック"/>
              <a:ea typeface="BIZ UDゴシック"/>
            </a:rPr>
            <a:t>＊提出時点において、証明日から３か月以内のものを有効とします。</a:t>
          </a:r>
          <a:endParaRPr kumimoji="1" lang="en-US" altLang="ja-JP" sz="1200">
            <a:latin typeface="BIZ UDゴシック"/>
            <a:ea typeface="BIZ UDゴシック"/>
          </a:endParaRPr>
        </a:p>
        <a:p>
          <a:r>
            <a:rPr kumimoji="1" lang="ja-JP" altLang="en-US" sz="1200">
              <a:latin typeface="BIZ UDゴシック"/>
              <a:ea typeface="BIZ UDゴシック"/>
            </a:rPr>
            <a:t>＊就労証明書への押印は不要です。</a:t>
          </a:r>
          <a:endParaRPr kumimoji="1" lang="en-US" altLang="ja-JP" sz="1200">
            <a:latin typeface="BIZ UDゴシック"/>
            <a:ea typeface="BIZ UDゴシック"/>
          </a:endParaRPr>
        </a:p>
        <a:p>
          <a:r>
            <a:rPr kumimoji="1" lang="ja-JP" altLang="en-US" sz="1200">
              <a:latin typeface="BIZ UDゴシック"/>
              <a:ea typeface="BIZ UDゴシック"/>
            </a:rPr>
            <a:t>＊訂正や削除の場合は、二重線で取り消しのうえ訂正印を押印し、修正してください。</a:t>
          </a:r>
          <a:endParaRPr kumimoji="1" lang="en-US" altLang="ja-JP" sz="1200">
            <a:latin typeface="BIZ UDゴシック"/>
            <a:ea typeface="BIZ UDゴシック"/>
          </a:endParaRPr>
        </a:p>
        <a:p>
          <a:r>
            <a:rPr kumimoji="1" lang="ja-JP" altLang="en-US" sz="1200">
              <a:latin typeface="BIZ UDゴシック"/>
              <a:ea typeface="BIZ UDゴシック"/>
            </a:rPr>
            <a:t>＊修正液や消えるボールペン、鉛筆は使用できません。</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62"/>
  <sheetViews>
    <sheetView showGridLines="0" tabSelected="1" view="pageBreakPreview" topLeftCell="B1" zoomScale="60" zoomScaleNormal="80" workbookViewId="0">
      <selection activeCell="AO1" sqref="AO1"/>
    </sheetView>
  </sheetViews>
  <sheetFormatPr defaultRowHeight="13.5" x14ac:dyDescent="0.15"/>
  <cols>
    <col min="1" max="1" width="9.125" hidden="1" customWidth="1"/>
    <col min="2" max="2" width="4" customWidth="1"/>
    <col min="3" max="3" width="5.125" customWidth="1"/>
    <col min="4" max="8" width="4.5" customWidth="1"/>
    <col min="9" max="9" width="7" customWidth="1"/>
    <col min="10" max="10" width="4.5" customWidth="1"/>
    <col min="11" max="11" width="5.5" customWidth="1"/>
    <col min="12" max="12" width="4.5" customWidth="1"/>
    <col min="13" max="13" width="6.25" customWidth="1"/>
    <col min="14" max="16" width="4.5" customWidth="1"/>
    <col min="17" max="17" width="5.25" customWidth="1"/>
    <col min="18" max="22" width="4.5" customWidth="1"/>
    <col min="23" max="23" width="5.5" customWidth="1"/>
    <col min="24" max="26" width="4.5" customWidth="1"/>
    <col min="27" max="28" width="4.625" customWidth="1"/>
    <col min="29" max="29" width="4.5" customWidth="1"/>
    <col min="30" max="31" width="6" customWidth="1"/>
    <col min="32" max="37" width="4.5" customWidth="1"/>
    <col min="38" max="38" width="7.75" customWidth="1"/>
    <col min="39" max="39" width="4.375" customWidth="1"/>
  </cols>
  <sheetData>
    <row r="1" spans="3:38" ht="25.5" customHeight="1" x14ac:dyDescent="0.15">
      <c r="C1" s="465" t="s">
        <v>1</v>
      </c>
      <c r="D1" s="465"/>
      <c r="E1" s="465"/>
      <c r="F1" s="465"/>
      <c r="G1" s="465"/>
      <c r="H1" s="465"/>
      <c r="I1" s="465"/>
      <c r="J1" s="465"/>
      <c r="K1" s="465"/>
      <c r="L1" s="465"/>
      <c r="M1" s="465"/>
      <c r="N1" s="465"/>
      <c r="O1" s="465"/>
      <c r="P1" s="465"/>
      <c r="Q1" s="465"/>
      <c r="R1" s="465"/>
      <c r="S1" s="465"/>
      <c r="T1" s="465"/>
      <c r="U1" s="465"/>
      <c r="V1" s="465"/>
      <c r="W1" s="465"/>
      <c r="X1" s="465"/>
      <c r="Y1" s="465"/>
      <c r="Z1" s="465"/>
      <c r="AA1" s="465"/>
      <c r="AB1" s="465"/>
      <c r="AC1" s="465"/>
      <c r="AD1" s="465"/>
      <c r="AE1" s="465"/>
      <c r="AF1" s="465"/>
      <c r="AG1" s="465"/>
      <c r="AH1" s="465"/>
      <c r="AI1" s="465"/>
      <c r="AJ1" s="465"/>
      <c r="AK1" s="465"/>
      <c r="AL1" s="145"/>
    </row>
    <row r="2" spans="3:38" ht="25.5" customHeight="1" x14ac:dyDescent="0.15">
      <c r="C2" s="466" t="s">
        <v>194</v>
      </c>
      <c r="D2" s="466"/>
      <c r="E2" s="466"/>
      <c r="F2" s="466"/>
      <c r="G2" s="466"/>
      <c r="H2" s="466"/>
      <c r="I2" s="466"/>
      <c r="J2" s="466"/>
      <c r="K2" s="30" t="s">
        <v>4</v>
      </c>
      <c r="L2" s="467"/>
      <c r="M2" s="467"/>
      <c r="N2" s="467"/>
      <c r="O2" s="467"/>
      <c r="P2" s="467"/>
      <c r="Q2" s="467"/>
      <c r="R2" s="467"/>
      <c r="S2" s="467"/>
      <c r="T2" s="467"/>
      <c r="U2" s="467"/>
      <c r="V2" s="467"/>
      <c r="W2" s="467"/>
      <c r="X2" s="467"/>
      <c r="Y2" s="467"/>
      <c r="Z2" s="467"/>
      <c r="AA2" s="467"/>
      <c r="AB2" s="467"/>
      <c r="AC2" s="467"/>
      <c r="AD2" s="467"/>
      <c r="AE2" s="467"/>
      <c r="AF2" s="467"/>
      <c r="AG2" s="467"/>
      <c r="AH2" s="467"/>
      <c r="AI2" s="467"/>
      <c r="AJ2" s="467"/>
      <c r="AK2" s="467"/>
      <c r="AL2" s="467"/>
    </row>
    <row r="3" spans="3:38" ht="29.25" customHeight="1" x14ac:dyDescent="0.15">
      <c r="C3" s="297"/>
      <c r="D3" s="297"/>
      <c r="E3" s="297"/>
      <c r="F3" s="297"/>
      <c r="G3" s="297"/>
      <c r="H3" s="297"/>
      <c r="I3" s="297"/>
      <c r="J3" s="297"/>
      <c r="K3" s="297"/>
      <c r="L3" s="297"/>
      <c r="M3" s="297"/>
      <c r="N3" s="297"/>
      <c r="O3" s="297"/>
      <c r="P3" s="297"/>
      <c r="Q3" s="297"/>
      <c r="R3" s="297"/>
      <c r="S3" s="297"/>
      <c r="T3" s="297"/>
      <c r="U3" s="297"/>
      <c r="V3" s="297"/>
      <c r="W3" s="102" t="s">
        <v>11</v>
      </c>
      <c r="X3" s="102"/>
      <c r="Y3" s="102"/>
      <c r="Z3" s="468" t="s">
        <v>6</v>
      </c>
      <c r="AA3" s="469"/>
      <c r="AB3" s="470"/>
      <c r="AC3" s="470"/>
      <c r="AD3" s="471"/>
      <c r="AE3" s="471"/>
      <c r="AF3" s="125" t="s">
        <v>15</v>
      </c>
      <c r="AG3" s="470"/>
      <c r="AH3" s="470"/>
      <c r="AI3" s="125" t="s">
        <v>17</v>
      </c>
      <c r="AJ3" s="470"/>
      <c r="AK3" s="470"/>
      <c r="AL3" s="146" t="s">
        <v>19</v>
      </c>
    </row>
    <row r="4" spans="3:38" ht="29.25" customHeight="1" x14ac:dyDescent="0.15">
      <c r="C4" s="297"/>
      <c r="D4" s="297"/>
      <c r="E4" s="297"/>
      <c r="F4" s="297"/>
      <c r="G4" s="297"/>
      <c r="H4" s="297"/>
      <c r="I4" s="297"/>
      <c r="J4" s="297"/>
      <c r="K4" s="297"/>
      <c r="L4" s="297"/>
      <c r="M4" s="297"/>
      <c r="N4" s="297"/>
      <c r="O4" s="297"/>
      <c r="P4" s="297"/>
      <c r="Q4" s="297"/>
      <c r="R4" s="297"/>
      <c r="S4" s="297"/>
      <c r="T4" s="297"/>
      <c r="U4" s="297"/>
      <c r="V4" s="297"/>
      <c r="W4" s="456" t="s">
        <v>14</v>
      </c>
      <c r="X4" s="456"/>
      <c r="Y4" s="456"/>
      <c r="Z4" s="456"/>
      <c r="AA4" s="460"/>
      <c r="AB4" s="460"/>
      <c r="AC4" s="460"/>
      <c r="AD4" s="460"/>
      <c r="AE4" s="460"/>
      <c r="AF4" s="460"/>
      <c r="AG4" s="460"/>
      <c r="AH4" s="460"/>
      <c r="AI4" s="460"/>
      <c r="AJ4" s="460"/>
      <c r="AK4" s="460"/>
      <c r="AL4" s="460"/>
    </row>
    <row r="5" spans="3:38" ht="29.25" customHeight="1" x14ac:dyDescent="0.15">
      <c r="C5" s="297"/>
      <c r="D5" s="297"/>
      <c r="E5" s="297"/>
      <c r="F5" s="297"/>
      <c r="G5" s="297"/>
      <c r="H5" s="297"/>
      <c r="I5" s="297"/>
      <c r="J5" s="297"/>
      <c r="K5" s="297"/>
      <c r="L5" s="297"/>
      <c r="M5" s="297"/>
      <c r="N5" s="297"/>
      <c r="O5" s="297"/>
      <c r="P5" s="297"/>
      <c r="Q5" s="297"/>
      <c r="R5" s="297"/>
      <c r="S5" s="297"/>
      <c r="T5" s="297"/>
      <c r="U5" s="297"/>
      <c r="V5" s="297"/>
      <c r="W5" s="456" t="s">
        <v>26</v>
      </c>
      <c r="X5" s="456"/>
      <c r="Y5" s="456"/>
      <c r="Z5" s="456"/>
      <c r="AA5" s="460"/>
      <c r="AB5" s="460"/>
      <c r="AC5" s="460"/>
      <c r="AD5" s="460"/>
      <c r="AE5" s="460"/>
      <c r="AF5" s="460"/>
      <c r="AG5" s="460"/>
      <c r="AH5" s="460"/>
      <c r="AI5" s="460"/>
      <c r="AJ5" s="460"/>
      <c r="AK5" s="460"/>
      <c r="AL5" s="460"/>
    </row>
    <row r="6" spans="3:38" ht="29.25" customHeight="1" x14ac:dyDescent="0.15">
      <c r="C6" s="461"/>
      <c r="D6" s="461"/>
      <c r="E6" s="461"/>
      <c r="F6" s="461"/>
      <c r="G6" s="461"/>
      <c r="H6" s="461"/>
      <c r="I6" s="461"/>
      <c r="J6" s="461"/>
      <c r="K6" s="461"/>
      <c r="L6" s="461"/>
      <c r="M6" s="461"/>
      <c r="N6" s="461"/>
      <c r="O6" s="461"/>
      <c r="P6" s="461"/>
      <c r="Q6" s="74"/>
      <c r="R6" s="74"/>
      <c r="S6" s="74"/>
      <c r="T6" s="74"/>
      <c r="U6" s="74"/>
      <c r="V6" s="74"/>
      <c r="W6" s="456" t="s">
        <v>28</v>
      </c>
      <c r="X6" s="456"/>
      <c r="Y6" s="456"/>
      <c r="Z6" s="456"/>
      <c r="AA6" s="460"/>
      <c r="AB6" s="460"/>
      <c r="AC6" s="460"/>
      <c r="AD6" s="460"/>
      <c r="AE6" s="460"/>
      <c r="AF6" s="460"/>
      <c r="AG6" s="460"/>
      <c r="AH6" s="460"/>
      <c r="AI6" s="460"/>
      <c r="AJ6" s="460"/>
      <c r="AK6" s="460"/>
      <c r="AL6" s="460"/>
    </row>
    <row r="7" spans="3:38" ht="29.25" customHeight="1" x14ac:dyDescent="0.15">
      <c r="C7" s="454"/>
      <c r="D7" s="454"/>
      <c r="E7" s="454"/>
      <c r="F7" s="462"/>
      <c r="G7" s="462"/>
      <c r="H7" s="463"/>
      <c r="I7" s="463"/>
      <c r="J7" s="16"/>
      <c r="K7" s="463"/>
      <c r="L7" s="463"/>
      <c r="M7" s="16"/>
      <c r="N7" s="463"/>
      <c r="O7" s="463"/>
      <c r="P7" s="16"/>
      <c r="Q7" s="74"/>
      <c r="R7" s="74"/>
      <c r="S7" s="74"/>
      <c r="T7" s="74"/>
      <c r="U7" s="74"/>
      <c r="V7" s="74"/>
      <c r="W7" s="456" t="s">
        <v>31</v>
      </c>
      <c r="X7" s="456"/>
      <c r="Y7" s="456"/>
      <c r="Z7" s="103"/>
      <c r="AA7" s="457"/>
      <c r="AB7" s="457"/>
      <c r="AC7" s="458"/>
      <c r="AD7" s="122" t="s">
        <v>33</v>
      </c>
      <c r="AE7" s="459"/>
      <c r="AF7" s="464"/>
      <c r="AG7" s="464"/>
      <c r="AH7" s="464"/>
      <c r="AI7" s="122" t="s">
        <v>33</v>
      </c>
      <c r="AJ7" s="457"/>
      <c r="AK7" s="457"/>
      <c r="AL7" s="457"/>
    </row>
    <row r="8" spans="3:38" ht="29.25" customHeight="1" x14ac:dyDescent="0.15">
      <c r="C8" s="451"/>
      <c r="D8" s="451"/>
      <c r="E8" s="451"/>
      <c r="F8" s="451"/>
      <c r="G8" s="451"/>
      <c r="H8" s="451"/>
      <c r="I8" s="451"/>
      <c r="J8" s="451"/>
      <c r="K8" s="451"/>
      <c r="L8" s="451"/>
      <c r="M8" s="451"/>
      <c r="N8" s="451"/>
      <c r="O8" s="451"/>
      <c r="P8" s="451"/>
      <c r="Q8" s="74"/>
      <c r="R8" s="74"/>
      <c r="S8" s="74"/>
      <c r="T8" s="74"/>
      <c r="U8" s="74"/>
      <c r="V8" s="74"/>
      <c r="W8" s="452" t="s">
        <v>34</v>
      </c>
      <c r="X8" s="452"/>
      <c r="Y8" s="452"/>
      <c r="Z8" s="452"/>
      <c r="AA8" s="453"/>
      <c r="AB8" s="453"/>
      <c r="AC8" s="453"/>
      <c r="AD8" s="453"/>
      <c r="AE8" s="453"/>
      <c r="AF8" s="453"/>
      <c r="AG8" s="453"/>
      <c r="AH8" s="453"/>
      <c r="AI8" s="453"/>
      <c r="AJ8" s="453"/>
      <c r="AK8" s="453"/>
      <c r="AL8" s="453"/>
    </row>
    <row r="9" spans="3:38" ht="29.25" customHeight="1" x14ac:dyDescent="0.15">
      <c r="C9" s="454"/>
      <c r="D9" s="454"/>
      <c r="E9" s="454"/>
      <c r="F9" s="454"/>
      <c r="G9" s="455"/>
      <c r="H9" s="455"/>
      <c r="I9" s="17"/>
      <c r="J9" s="455"/>
      <c r="K9" s="455"/>
      <c r="L9" s="455"/>
      <c r="M9" s="17"/>
      <c r="N9" s="455"/>
      <c r="O9" s="455"/>
      <c r="P9" s="455"/>
      <c r="Q9" s="74"/>
      <c r="R9" s="74"/>
      <c r="S9" s="74"/>
      <c r="T9" s="74"/>
      <c r="U9" s="74"/>
      <c r="V9" s="74"/>
      <c r="W9" s="456" t="s">
        <v>36</v>
      </c>
      <c r="X9" s="456"/>
      <c r="Y9" s="456"/>
      <c r="Z9" s="456"/>
      <c r="AA9" s="457"/>
      <c r="AB9" s="457"/>
      <c r="AC9" s="458"/>
      <c r="AD9" s="122" t="s">
        <v>33</v>
      </c>
      <c r="AE9" s="459"/>
      <c r="AF9" s="458"/>
      <c r="AG9" s="458"/>
      <c r="AH9" s="458"/>
      <c r="AI9" s="122" t="s">
        <v>33</v>
      </c>
      <c r="AJ9" s="457"/>
      <c r="AK9" s="457"/>
      <c r="AL9" s="457"/>
    </row>
    <row r="10" spans="3:38" ht="25.5" customHeight="1" x14ac:dyDescent="0.15">
      <c r="C10" s="2" t="s">
        <v>24</v>
      </c>
      <c r="D10" s="14"/>
      <c r="E10" s="14"/>
      <c r="F10" s="14"/>
      <c r="G10" s="14"/>
      <c r="H10" s="14"/>
      <c r="I10" s="14"/>
      <c r="J10" s="14"/>
      <c r="K10" s="14"/>
      <c r="L10" s="14"/>
      <c r="M10" s="14"/>
      <c r="N10" s="14"/>
      <c r="O10" s="14"/>
      <c r="P10" s="14"/>
      <c r="Q10" s="74"/>
      <c r="R10" s="74"/>
      <c r="S10" s="74"/>
      <c r="T10" s="74"/>
      <c r="U10" s="74"/>
      <c r="V10" s="74"/>
      <c r="W10" s="433"/>
      <c r="X10" s="433"/>
      <c r="Y10" s="433"/>
      <c r="Z10" s="433"/>
      <c r="AA10" s="433"/>
      <c r="AB10" s="433"/>
      <c r="AC10" s="433"/>
      <c r="AD10" s="433"/>
      <c r="AE10" s="433"/>
      <c r="AF10" s="433"/>
      <c r="AG10" s="433"/>
      <c r="AH10" s="433"/>
      <c r="AI10" s="433"/>
      <c r="AJ10" s="433"/>
      <c r="AK10" s="433"/>
      <c r="AL10" s="433"/>
    </row>
    <row r="11" spans="3:38" ht="25.5" customHeight="1" x14ac:dyDescent="0.15">
      <c r="C11" s="3" t="s">
        <v>39</v>
      </c>
      <c r="D11" s="14"/>
      <c r="E11" s="14"/>
      <c r="F11" s="14"/>
      <c r="G11" s="14"/>
      <c r="H11" s="14"/>
      <c r="I11" s="14"/>
      <c r="J11" s="14"/>
      <c r="K11" s="14"/>
      <c r="L11" s="14"/>
      <c r="M11" s="14"/>
      <c r="N11" s="14"/>
      <c r="O11" s="14"/>
      <c r="P11" s="14"/>
      <c r="Q11" s="14"/>
      <c r="R11" s="14"/>
      <c r="S11" s="14"/>
      <c r="T11" s="14"/>
      <c r="U11" s="14"/>
      <c r="V11" s="14"/>
      <c r="W11" s="14"/>
      <c r="X11" s="14"/>
      <c r="Y11" s="14"/>
      <c r="Z11" s="14"/>
      <c r="AA11" s="14"/>
      <c r="AB11" s="14"/>
      <c r="AC11" s="14"/>
      <c r="AD11" s="14"/>
      <c r="AE11" s="14"/>
      <c r="AF11" s="14"/>
      <c r="AG11" s="14"/>
      <c r="AH11" s="14"/>
      <c r="AI11" s="14"/>
      <c r="AJ11" s="14"/>
      <c r="AK11" s="14"/>
      <c r="AL11" s="14"/>
    </row>
    <row r="12" spans="3:38" ht="25.5" customHeight="1" x14ac:dyDescent="0.15">
      <c r="C12" s="2"/>
      <c r="D12" s="14"/>
      <c r="E12" s="14"/>
      <c r="F12" s="14"/>
      <c r="G12" s="14"/>
      <c r="H12" s="14"/>
      <c r="I12" s="14"/>
      <c r="J12" s="14"/>
      <c r="K12" s="14"/>
      <c r="L12" s="14"/>
      <c r="M12" s="14"/>
      <c r="N12" s="14"/>
      <c r="O12" s="14"/>
      <c r="P12" s="14"/>
      <c r="Q12" s="14"/>
      <c r="R12" s="14"/>
      <c r="S12" s="14"/>
      <c r="T12" s="14"/>
      <c r="U12" s="14"/>
      <c r="V12" s="14"/>
      <c r="W12" s="14"/>
      <c r="X12" s="14"/>
      <c r="Y12" s="14"/>
      <c r="Z12" s="14"/>
      <c r="AA12" s="14"/>
      <c r="AB12" s="14"/>
      <c r="AC12" s="14"/>
      <c r="AD12" s="14"/>
      <c r="AE12" s="14"/>
      <c r="AF12" s="14"/>
      <c r="AG12" s="14"/>
      <c r="AH12" s="14"/>
      <c r="AI12" s="14"/>
      <c r="AJ12" s="14"/>
      <c r="AK12" s="14"/>
      <c r="AL12" s="14"/>
    </row>
    <row r="13" spans="3:38" ht="25.5" customHeight="1" x14ac:dyDescent="0.15">
      <c r="C13" s="4" t="s">
        <v>40</v>
      </c>
      <c r="D13" s="434" t="s">
        <v>41</v>
      </c>
      <c r="E13" s="435"/>
      <c r="F13" s="435"/>
      <c r="G13" s="435"/>
      <c r="H13" s="435"/>
      <c r="I13" s="436"/>
      <c r="J13" s="434" t="s">
        <v>2</v>
      </c>
      <c r="K13" s="435"/>
      <c r="L13" s="435"/>
      <c r="M13" s="435"/>
      <c r="N13" s="435"/>
      <c r="O13" s="435"/>
      <c r="P13" s="435"/>
      <c r="Q13" s="435"/>
      <c r="R13" s="435"/>
      <c r="S13" s="435"/>
      <c r="T13" s="435"/>
      <c r="U13" s="435"/>
      <c r="V13" s="435"/>
      <c r="W13" s="435"/>
      <c r="X13" s="435"/>
      <c r="Y13" s="435"/>
      <c r="Z13" s="435"/>
      <c r="AA13" s="435"/>
      <c r="AB13" s="435"/>
      <c r="AC13" s="435"/>
      <c r="AD13" s="435"/>
      <c r="AE13" s="435"/>
      <c r="AF13" s="435"/>
      <c r="AG13" s="435"/>
      <c r="AH13" s="435"/>
      <c r="AI13" s="435"/>
      <c r="AJ13" s="435"/>
      <c r="AK13" s="437"/>
      <c r="AL13" s="436"/>
    </row>
    <row r="14" spans="3:38" ht="25.5" customHeight="1" x14ac:dyDescent="0.15">
      <c r="C14" s="298">
        <v>1</v>
      </c>
      <c r="D14" s="301" t="s">
        <v>30</v>
      </c>
      <c r="E14" s="301"/>
      <c r="F14" s="301"/>
      <c r="G14" s="301"/>
      <c r="H14" s="301"/>
      <c r="I14" s="301"/>
      <c r="J14" s="18" t="s">
        <v>44</v>
      </c>
      <c r="K14" s="31" t="s">
        <v>46</v>
      </c>
      <c r="L14" s="31"/>
      <c r="M14" s="31"/>
      <c r="N14" s="50" t="s">
        <v>44</v>
      </c>
      <c r="O14" s="31" t="s">
        <v>50</v>
      </c>
      <c r="P14" s="31"/>
      <c r="Q14" s="31"/>
      <c r="R14" s="50" t="s">
        <v>44</v>
      </c>
      <c r="S14" s="31" t="s">
        <v>42</v>
      </c>
      <c r="T14" s="31"/>
      <c r="U14" s="31"/>
      <c r="V14" s="31"/>
      <c r="W14" s="31"/>
      <c r="X14" s="50" t="s">
        <v>44</v>
      </c>
      <c r="Y14" s="31" t="s">
        <v>51</v>
      </c>
      <c r="Z14" s="31"/>
      <c r="AA14" s="50" t="s">
        <v>44</v>
      </c>
      <c r="AB14" s="31" t="s">
        <v>47</v>
      </c>
      <c r="AC14" s="31"/>
      <c r="AD14" s="31"/>
      <c r="AE14" s="31"/>
      <c r="AF14" s="50" t="s">
        <v>44</v>
      </c>
      <c r="AG14" s="31" t="s">
        <v>12</v>
      </c>
      <c r="AH14" s="31"/>
      <c r="AI14" s="31"/>
      <c r="AJ14" s="31"/>
      <c r="AK14" s="31"/>
      <c r="AL14" s="147"/>
    </row>
    <row r="15" spans="3:38" ht="25.5" customHeight="1" x14ac:dyDescent="0.15">
      <c r="C15" s="299"/>
      <c r="D15" s="302"/>
      <c r="E15" s="302"/>
      <c r="F15" s="302"/>
      <c r="G15" s="302"/>
      <c r="H15" s="302"/>
      <c r="I15" s="302"/>
      <c r="J15" s="19" t="s">
        <v>44</v>
      </c>
      <c r="K15" s="32" t="s">
        <v>52</v>
      </c>
      <c r="L15" s="32"/>
      <c r="M15" s="32"/>
      <c r="N15" s="55" t="s">
        <v>44</v>
      </c>
      <c r="O15" s="32" t="s">
        <v>54</v>
      </c>
      <c r="P15" s="32"/>
      <c r="Q15" s="32"/>
      <c r="R15" s="55" t="s">
        <v>44</v>
      </c>
      <c r="S15" s="32" t="s">
        <v>55</v>
      </c>
      <c r="T15" s="32"/>
      <c r="U15" s="32"/>
      <c r="V15" s="32"/>
      <c r="W15" s="32"/>
      <c r="X15" s="55" t="s">
        <v>44</v>
      </c>
      <c r="Y15" s="32" t="s">
        <v>57</v>
      </c>
      <c r="Z15" s="32"/>
      <c r="AA15" s="32"/>
      <c r="AB15" s="32"/>
      <c r="AC15" s="32"/>
      <c r="AD15" s="32"/>
      <c r="AE15" s="32"/>
      <c r="AF15" s="55" t="s">
        <v>44</v>
      </c>
      <c r="AG15" s="32" t="s">
        <v>59</v>
      </c>
      <c r="AH15" s="32"/>
      <c r="AI15" s="32"/>
      <c r="AJ15" s="32"/>
      <c r="AK15" s="32"/>
      <c r="AL15" s="148"/>
    </row>
    <row r="16" spans="3:38" ht="25.5" customHeight="1" x14ac:dyDescent="0.15">
      <c r="C16" s="299"/>
      <c r="D16" s="302"/>
      <c r="E16" s="302"/>
      <c r="F16" s="302"/>
      <c r="G16" s="302"/>
      <c r="H16" s="302"/>
      <c r="I16" s="302"/>
      <c r="J16" s="19" t="s">
        <v>44</v>
      </c>
      <c r="K16" s="32" t="s">
        <v>21</v>
      </c>
      <c r="L16" s="32"/>
      <c r="M16" s="32"/>
      <c r="N16" s="32"/>
      <c r="O16" s="32"/>
      <c r="P16" s="32"/>
      <c r="Q16" s="32"/>
      <c r="R16" s="55" t="s">
        <v>44</v>
      </c>
      <c r="S16" s="32" t="s">
        <v>60</v>
      </c>
      <c r="T16" s="32"/>
      <c r="U16" s="32"/>
      <c r="V16" s="32"/>
      <c r="W16" s="32"/>
      <c r="X16" s="55" t="s">
        <v>44</v>
      </c>
      <c r="Y16" s="32" t="s">
        <v>61</v>
      </c>
      <c r="Z16" s="32"/>
      <c r="AA16" s="32"/>
      <c r="AB16" s="32"/>
      <c r="AC16" s="32"/>
      <c r="AD16" s="32"/>
      <c r="AE16" s="32"/>
      <c r="AF16" s="32"/>
      <c r="AG16" s="55" t="s">
        <v>44</v>
      </c>
      <c r="AH16" s="32" t="s">
        <v>56</v>
      </c>
      <c r="AI16" s="32"/>
      <c r="AJ16" s="32"/>
      <c r="AK16" s="32"/>
      <c r="AL16" s="148"/>
    </row>
    <row r="17" spans="3:38" ht="25.5" customHeight="1" x14ac:dyDescent="0.15">
      <c r="C17" s="300"/>
      <c r="D17" s="303"/>
      <c r="E17" s="303"/>
      <c r="F17" s="303"/>
      <c r="G17" s="303"/>
      <c r="H17" s="303"/>
      <c r="I17" s="303"/>
      <c r="J17" s="20" t="s">
        <v>44</v>
      </c>
      <c r="K17" s="33" t="s">
        <v>62</v>
      </c>
      <c r="L17" s="33"/>
      <c r="M17" s="33"/>
      <c r="N17" s="33"/>
      <c r="O17" s="64" t="s">
        <v>44</v>
      </c>
      <c r="P17" s="33" t="s">
        <v>64</v>
      </c>
      <c r="Q17" s="33"/>
      <c r="R17" s="33"/>
      <c r="S17" s="33"/>
      <c r="T17" s="64" t="s">
        <v>44</v>
      </c>
      <c r="U17" s="33" t="s">
        <v>63</v>
      </c>
      <c r="V17" s="33"/>
      <c r="W17" s="33"/>
      <c r="X17" s="64" t="s">
        <v>44</v>
      </c>
      <c r="Y17" s="33" t="s">
        <v>65</v>
      </c>
      <c r="Z17" s="112"/>
      <c r="AA17" s="438"/>
      <c r="AB17" s="438"/>
      <c r="AC17" s="438"/>
      <c r="AD17" s="438"/>
      <c r="AE17" s="438"/>
      <c r="AF17" s="438"/>
      <c r="AG17" s="438"/>
      <c r="AH17" s="438"/>
      <c r="AI17" s="438"/>
      <c r="AJ17" s="33" t="s">
        <v>0</v>
      </c>
      <c r="AK17" s="112"/>
      <c r="AL17" s="149"/>
    </row>
    <row r="18" spans="3:38" ht="25.5" customHeight="1" x14ac:dyDescent="0.15">
      <c r="C18" s="222">
        <v>2</v>
      </c>
      <c r="D18" s="245" t="s">
        <v>37</v>
      </c>
      <c r="E18" s="305"/>
      <c r="F18" s="305"/>
      <c r="G18" s="305"/>
      <c r="H18" s="305"/>
      <c r="I18" s="306"/>
      <c r="J18" s="439"/>
      <c r="K18" s="440"/>
      <c r="L18" s="440"/>
      <c r="M18" s="440"/>
      <c r="N18" s="440"/>
      <c r="O18" s="440"/>
      <c r="P18" s="440"/>
      <c r="Q18" s="440"/>
      <c r="R18" s="440"/>
      <c r="S18" s="440"/>
      <c r="T18" s="440"/>
      <c r="U18" s="440"/>
      <c r="V18" s="440"/>
      <c r="W18" s="440"/>
      <c r="X18" s="440"/>
      <c r="Y18" s="440"/>
      <c r="Z18" s="440"/>
      <c r="AA18" s="441"/>
      <c r="AB18" s="118"/>
      <c r="AC18" s="121"/>
      <c r="AD18" s="121"/>
      <c r="AE18" s="124"/>
      <c r="AF18" s="124"/>
      <c r="AG18" s="124"/>
      <c r="AH18" s="124"/>
      <c r="AI18" s="121"/>
      <c r="AJ18" s="121"/>
      <c r="AK18" s="121"/>
      <c r="AL18" s="150"/>
    </row>
    <row r="19" spans="3:38" ht="33.75" customHeight="1" x14ac:dyDescent="0.15">
      <c r="C19" s="244"/>
      <c r="D19" s="442" t="s">
        <v>66</v>
      </c>
      <c r="E19" s="443"/>
      <c r="F19" s="443"/>
      <c r="G19" s="443"/>
      <c r="H19" s="443"/>
      <c r="I19" s="444"/>
      <c r="J19" s="445"/>
      <c r="K19" s="446"/>
      <c r="L19" s="446"/>
      <c r="M19" s="446"/>
      <c r="N19" s="446"/>
      <c r="O19" s="446"/>
      <c r="P19" s="446"/>
      <c r="Q19" s="446"/>
      <c r="R19" s="446"/>
      <c r="S19" s="446"/>
      <c r="T19" s="446"/>
      <c r="U19" s="446"/>
      <c r="V19" s="446"/>
      <c r="W19" s="446"/>
      <c r="X19" s="446"/>
      <c r="Y19" s="446"/>
      <c r="Z19" s="446"/>
      <c r="AA19" s="446"/>
      <c r="AB19" s="447" t="s">
        <v>67</v>
      </c>
      <c r="AC19" s="448"/>
      <c r="AD19" s="449"/>
      <c r="AE19" s="450"/>
      <c r="AF19" s="432"/>
      <c r="AG19" s="432"/>
      <c r="AH19" s="129" t="s">
        <v>38</v>
      </c>
      <c r="AI19" s="131"/>
      <c r="AJ19" s="135" t="s">
        <v>17</v>
      </c>
      <c r="AK19" s="131"/>
      <c r="AL19" s="151" t="s">
        <v>16</v>
      </c>
    </row>
    <row r="20" spans="3:38" ht="33.75" customHeight="1" x14ac:dyDescent="0.15">
      <c r="C20" s="5">
        <v>3</v>
      </c>
      <c r="D20" s="226" t="s">
        <v>69</v>
      </c>
      <c r="E20" s="227"/>
      <c r="F20" s="227"/>
      <c r="G20" s="227"/>
      <c r="H20" s="227"/>
      <c r="I20" s="228"/>
      <c r="J20" s="21" t="s">
        <v>44</v>
      </c>
      <c r="K20" s="34" t="s">
        <v>29</v>
      </c>
      <c r="L20" s="45" t="s">
        <v>44</v>
      </c>
      <c r="M20" s="52" t="s">
        <v>58</v>
      </c>
      <c r="N20" s="416" t="s">
        <v>216</v>
      </c>
      <c r="O20" s="417"/>
      <c r="P20" s="417"/>
      <c r="Q20" s="417"/>
      <c r="R20" s="417"/>
      <c r="S20" s="417"/>
      <c r="T20" s="418"/>
      <c r="U20" s="419"/>
      <c r="V20" s="420"/>
      <c r="W20" s="104" t="s">
        <v>15</v>
      </c>
      <c r="X20" s="99"/>
      <c r="Y20" s="104" t="s">
        <v>17</v>
      </c>
      <c r="Z20" s="99"/>
      <c r="AA20" s="104" t="s">
        <v>19</v>
      </c>
      <c r="AB20" s="104" t="s">
        <v>18</v>
      </c>
      <c r="AC20" s="421"/>
      <c r="AD20" s="253"/>
      <c r="AE20" s="104" t="s">
        <v>15</v>
      </c>
      <c r="AF20" s="99"/>
      <c r="AG20" s="104" t="s">
        <v>17</v>
      </c>
      <c r="AH20" s="99"/>
      <c r="AI20" s="104" t="s">
        <v>19</v>
      </c>
      <c r="AJ20" s="136"/>
      <c r="AK20" s="137"/>
      <c r="AL20" s="152"/>
    </row>
    <row r="21" spans="3:38" ht="25.5" customHeight="1" x14ac:dyDescent="0.15">
      <c r="C21" s="222">
        <v>4</v>
      </c>
      <c r="D21" s="304" t="s">
        <v>35</v>
      </c>
      <c r="E21" s="305"/>
      <c r="F21" s="305"/>
      <c r="G21" s="305"/>
      <c r="H21" s="305"/>
      <c r="I21" s="306"/>
      <c r="J21" s="422" t="s">
        <v>70</v>
      </c>
      <c r="K21" s="423"/>
      <c r="L21" s="423"/>
      <c r="M21" s="424"/>
      <c r="N21" s="425"/>
      <c r="O21" s="426"/>
      <c r="P21" s="426"/>
      <c r="Q21" s="426"/>
      <c r="R21" s="426"/>
      <c r="S21" s="426"/>
      <c r="T21" s="426"/>
      <c r="U21" s="426"/>
      <c r="V21" s="426"/>
      <c r="W21" s="426"/>
      <c r="X21" s="426"/>
      <c r="Y21" s="426"/>
      <c r="Z21" s="426"/>
      <c r="AA21" s="426"/>
      <c r="AB21" s="426"/>
      <c r="AC21" s="426"/>
      <c r="AD21" s="426"/>
      <c r="AE21" s="426"/>
      <c r="AF21" s="426"/>
      <c r="AG21" s="426"/>
      <c r="AH21" s="426"/>
      <c r="AI21" s="426"/>
      <c r="AJ21" s="426"/>
      <c r="AK21" s="426"/>
      <c r="AL21" s="427"/>
    </row>
    <row r="22" spans="3:38" ht="25.5" customHeight="1" x14ac:dyDescent="0.15">
      <c r="C22" s="232"/>
      <c r="D22" s="307"/>
      <c r="E22" s="308"/>
      <c r="F22" s="308"/>
      <c r="G22" s="308"/>
      <c r="H22" s="308"/>
      <c r="I22" s="309"/>
      <c r="J22" s="422" t="s">
        <v>5</v>
      </c>
      <c r="K22" s="423"/>
      <c r="L22" s="423"/>
      <c r="M22" s="424"/>
      <c r="N22" s="428"/>
      <c r="O22" s="429"/>
      <c r="P22" s="429"/>
      <c r="Q22" s="429"/>
      <c r="R22" s="429"/>
      <c r="S22" s="429"/>
      <c r="T22" s="429"/>
      <c r="U22" s="429"/>
      <c r="V22" s="429"/>
      <c r="W22" s="429"/>
      <c r="X22" s="429"/>
      <c r="Y22" s="429"/>
      <c r="Z22" s="429"/>
      <c r="AA22" s="429"/>
      <c r="AB22" s="429"/>
      <c r="AC22" s="429"/>
      <c r="AD22" s="429"/>
      <c r="AE22" s="429"/>
      <c r="AF22" s="429"/>
      <c r="AG22" s="429"/>
      <c r="AH22" s="429"/>
      <c r="AI22" s="429"/>
      <c r="AJ22" s="429"/>
      <c r="AK22" s="429"/>
      <c r="AL22" s="430"/>
    </row>
    <row r="23" spans="3:38" ht="25.5" customHeight="1" x14ac:dyDescent="0.15">
      <c r="C23" s="222">
        <v>5</v>
      </c>
      <c r="D23" s="304" t="s">
        <v>25</v>
      </c>
      <c r="E23" s="305"/>
      <c r="F23" s="305"/>
      <c r="G23" s="305"/>
      <c r="H23" s="305"/>
      <c r="I23" s="306"/>
      <c r="J23" s="22" t="s">
        <v>44</v>
      </c>
      <c r="K23" s="35" t="s">
        <v>71</v>
      </c>
      <c r="L23" s="35"/>
      <c r="M23" s="53" t="s">
        <v>44</v>
      </c>
      <c r="N23" s="56" t="s">
        <v>8</v>
      </c>
      <c r="O23" s="56"/>
      <c r="P23" s="56"/>
      <c r="Q23" s="56"/>
      <c r="R23" s="45" t="s">
        <v>44</v>
      </c>
      <c r="S23" s="56" t="s">
        <v>72</v>
      </c>
      <c r="T23" s="56"/>
      <c r="U23" s="45" t="s">
        <v>44</v>
      </c>
      <c r="V23" s="56" t="s">
        <v>53</v>
      </c>
      <c r="W23" s="56"/>
      <c r="X23" s="45" t="s">
        <v>44</v>
      </c>
      <c r="Y23" s="56" t="s">
        <v>73</v>
      </c>
      <c r="Z23" s="56"/>
      <c r="AA23" s="56"/>
      <c r="AB23" s="56"/>
      <c r="AC23" s="45" t="s">
        <v>44</v>
      </c>
      <c r="AD23" s="56" t="s">
        <v>32</v>
      </c>
      <c r="AE23" s="56"/>
      <c r="AF23" s="56"/>
      <c r="AG23" s="56"/>
      <c r="AH23" s="45" t="s">
        <v>44</v>
      </c>
      <c r="AI23" s="56" t="s">
        <v>43</v>
      </c>
      <c r="AJ23" s="56"/>
      <c r="AK23" s="15"/>
      <c r="AL23" s="153"/>
    </row>
    <row r="24" spans="3:38" ht="25.5" customHeight="1" x14ac:dyDescent="0.15">
      <c r="C24" s="244"/>
      <c r="D24" s="310"/>
      <c r="E24" s="311"/>
      <c r="F24" s="311"/>
      <c r="G24" s="311"/>
      <c r="H24" s="311"/>
      <c r="I24" s="312"/>
      <c r="J24" s="21" t="s">
        <v>44</v>
      </c>
      <c r="K24" s="36" t="s">
        <v>76</v>
      </c>
      <c r="L24" s="36"/>
      <c r="M24" s="45" t="s">
        <v>44</v>
      </c>
      <c r="N24" s="57" t="s">
        <v>48</v>
      </c>
      <c r="O24" s="57"/>
      <c r="P24" s="57"/>
      <c r="Q24" s="57"/>
      <c r="R24" s="45" t="s">
        <v>44</v>
      </c>
      <c r="S24" s="57" t="s">
        <v>77</v>
      </c>
      <c r="T24" s="57"/>
      <c r="U24" s="96"/>
      <c r="V24" s="45" t="s">
        <v>44</v>
      </c>
      <c r="W24" s="57" t="s">
        <v>79</v>
      </c>
      <c r="X24" s="45" t="s">
        <v>44</v>
      </c>
      <c r="Y24" s="57" t="s">
        <v>80</v>
      </c>
      <c r="Z24" s="57"/>
      <c r="AA24" s="57"/>
      <c r="AB24" s="45" t="s">
        <v>44</v>
      </c>
      <c r="AC24" s="57" t="s">
        <v>82</v>
      </c>
      <c r="AD24" s="57"/>
      <c r="AE24" s="431"/>
      <c r="AF24" s="432"/>
      <c r="AG24" s="432"/>
      <c r="AH24" s="432"/>
      <c r="AI24" s="432"/>
      <c r="AJ24" s="432"/>
      <c r="AK24" s="432"/>
      <c r="AL24" s="154" t="s">
        <v>83</v>
      </c>
    </row>
    <row r="25" spans="3:38" ht="25.5" customHeight="1" x14ac:dyDescent="0.15">
      <c r="C25" s="223">
        <v>6</v>
      </c>
      <c r="D25" s="226" t="s">
        <v>217</v>
      </c>
      <c r="E25" s="227"/>
      <c r="F25" s="227"/>
      <c r="G25" s="227"/>
      <c r="H25" s="227"/>
      <c r="I25" s="228"/>
      <c r="J25" s="23" t="s">
        <v>84</v>
      </c>
      <c r="K25" s="37" t="s">
        <v>85</v>
      </c>
      <c r="L25" s="37" t="s">
        <v>86</v>
      </c>
      <c r="M25" s="37" t="s">
        <v>87</v>
      </c>
      <c r="N25" s="37" t="s">
        <v>27</v>
      </c>
      <c r="O25" s="37" t="s">
        <v>88</v>
      </c>
      <c r="P25" s="37" t="s">
        <v>16</v>
      </c>
      <c r="Q25" s="293" t="s">
        <v>89</v>
      </c>
      <c r="R25" s="293"/>
      <c r="S25" s="294"/>
      <c r="T25" s="313" t="s">
        <v>90</v>
      </c>
      <c r="U25" s="314"/>
      <c r="V25" s="406" t="s">
        <v>91</v>
      </c>
      <c r="W25" s="407"/>
      <c r="X25" s="408"/>
      <c r="Y25" s="408"/>
      <c r="Z25" s="407" t="s">
        <v>92</v>
      </c>
      <c r="AA25" s="407"/>
      <c r="AB25" s="408"/>
      <c r="AC25" s="408"/>
      <c r="AD25" s="105" t="s">
        <v>93</v>
      </c>
      <c r="AE25" s="407" t="s">
        <v>214</v>
      </c>
      <c r="AF25" s="407"/>
      <c r="AG25" s="407"/>
      <c r="AH25" s="408"/>
      <c r="AI25" s="408"/>
      <c r="AJ25" s="105" t="s">
        <v>94</v>
      </c>
      <c r="AK25" s="138"/>
      <c r="AL25" s="155"/>
    </row>
    <row r="26" spans="3:38" ht="10.5" customHeight="1" x14ac:dyDescent="0.15">
      <c r="C26" s="286"/>
      <c r="D26" s="287"/>
      <c r="E26" s="288"/>
      <c r="F26" s="288"/>
      <c r="G26" s="288"/>
      <c r="H26" s="288"/>
      <c r="I26" s="289"/>
      <c r="J26" s="319" t="s">
        <v>44</v>
      </c>
      <c r="K26" s="321" t="s">
        <v>44</v>
      </c>
      <c r="L26" s="321" t="s">
        <v>44</v>
      </c>
      <c r="M26" s="321" t="s">
        <v>44</v>
      </c>
      <c r="N26" s="321" t="s">
        <v>44</v>
      </c>
      <c r="O26" s="321" t="s">
        <v>44</v>
      </c>
      <c r="P26" s="321" t="s">
        <v>44</v>
      </c>
      <c r="Q26" s="321" t="s">
        <v>44</v>
      </c>
      <c r="R26" s="321"/>
      <c r="S26" s="321"/>
      <c r="T26" s="315"/>
      <c r="U26" s="316"/>
      <c r="V26" s="100"/>
      <c r="W26" s="106"/>
      <c r="X26" s="322" t="s">
        <v>193</v>
      </c>
      <c r="Y26" s="322"/>
      <c r="Z26" s="322"/>
      <c r="AA26" s="322"/>
      <c r="AB26" s="322"/>
      <c r="AC26" s="322"/>
      <c r="AD26" s="322"/>
      <c r="AE26" s="322"/>
      <c r="AF26" s="322"/>
      <c r="AG26" s="106"/>
      <c r="AH26" s="130"/>
      <c r="AI26" s="130"/>
      <c r="AJ26" s="106"/>
      <c r="AK26" s="139"/>
      <c r="AL26" s="156"/>
    </row>
    <row r="27" spans="3:38" ht="10.5" customHeight="1" x14ac:dyDescent="0.15">
      <c r="C27" s="286"/>
      <c r="D27" s="287"/>
      <c r="E27" s="288"/>
      <c r="F27" s="288"/>
      <c r="G27" s="288"/>
      <c r="H27" s="288"/>
      <c r="I27" s="289"/>
      <c r="J27" s="320"/>
      <c r="K27" s="321"/>
      <c r="L27" s="321"/>
      <c r="M27" s="321"/>
      <c r="N27" s="321"/>
      <c r="O27" s="321"/>
      <c r="P27" s="321"/>
      <c r="Q27" s="321"/>
      <c r="R27" s="321"/>
      <c r="S27" s="321"/>
      <c r="T27" s="317"/>
      <c r="U27" s="318"/>
      <c r="V27" s="101"/>
      <c r="W27" s="107"/>
      <c r="X27" s="323"/>
      <c r="Y27" s="323"/>
      <c r="Z27" s="323"/>
      <c r="AA27" s="323"/>
      <c r="AB27" s="323"/>
      <c r="AC27" s="323"/>
      <c r="AD27" s="323"/>
      <c r="AE27" s="323"/>
      <c r="AF27" s="323"/>
      <c r="AG27" s="126"/>
      <c r="AH27" s="15"/>
      <c r="AI27" s="132"/>
      <c r="AJ27" s="126"/>
      <c r="AK27" s="140"/>
      <c r="AL27" s="156"/>
    </row>
    <row r="28" spans="3:38" ht="25.5" customHeight="1" x14ac:dyDescent="0.15">
      <c r="C28" s="286"/>
      <c r="D28" s="287"/>
      <c r="E28" s="288"/>
      <c r="F28" s="288"/>
      <c r="G28" s="288"/>
      <c r="H28" s="288"/>
      <c r="I28" s="289"/>
      <c r="J28" s="390" t="s">
        <v>96</v>
      </c>
      <c r="K28" s="391"/>
      <c r="L28" s="391"/>
      <c r="M28" s="391"/>
      <c r="N28" s="391"/>
      <c r="O28" s="409"/>
      <c r="P28" s="410" t="s">
        <v>91</v>
      </c>
      <c r="Q28" s="411"/>
      <c r="R28" s="412"/>
      <c r="S28" s="413"/>
      <c r="T28" s="413"/>
      <c r="U28" s="97" t="s">
        <v>19</v>
      </c>
      <c r="V28" s="414" t="s">
        <v>97</v>
      </c>
      <c r="W28" s="391"/>
      <c r="X28" s="391"/>
      <c r="Y28" s="391"/>
      <c r="Z28" s="391"/>
      <c r="AA28" s="409"/>
      <c r="AB28" s="410" t="s">
        <v>99</v>
      </c>
      <c r="AC28" s="411"/>
      <c r="AD28" s="412"/>
      <c r="AE28" s="412"/>
      <c r="AF28" s="412"/>
      <c r="AG28" s="38" t="s">
        <v>19</v>
      </c>
      <c r="AH28" s="415"/>
      <c r="AI28" s="415"/>
      <c r="AJ28" s="415"/>
      <c r="AK28" s="141"/>
      <c r="AL28" s="157"/>
    </row>
    <row r="29" spans="3:38" ht="25.5" customHeight="1" x14ac:dyDescent="0.15">
      <c r="C29" s="286"/>
      <c r="D29" s="287"/>
      <c r="E29" s="288"/>
      <c r="F29" s="288"/>
      <c r="G29" s="288"/>
      <c r="H29" s="288"/>
      <c r="I29" s="289"/>
      <c r="J29" s="397" t="s">
        <v>101</v>
      </c>
      <c r="K29" s="398"/>
      <c r="L29" s="399"/>
      <c r="M29" s="399"/>
      <c r="N29" s="39" t="s">
        <v>102</v>
      </c>
      <c r="O29" s="400"/>
      <c r="P29" s="400"/>
      <c r="Q29" s="39" t="s">
        <v>93</v>
      </c>
      <c r="R29" s="79"/>
      <c r="S29" s="88" t="s">
        <v>18</v>
      </c>
      <c r="T29" s="88"/>
      <c r="U29" s="401"/>
      <c r="V29" s="401"/>
      <c r="W29" s="88" t="s">
        <v>102</v>
      </c>
      <c r="X29" s="401"/>
      <c r="Y29" s="401"/>
      <c r="Z29" s="88" t="s">
        <v>93</v>
      </c>
      <c r="AA29" s="114" t="s">
        <v>214</v>
      </c>
      <c r="AB29" s="114"/>
      <c r="AC29" s="114"/>
      <c r="AD29" s="402"/>
      <c r="AE29" s="402"/>
      <c r="AF29" s="114" t="s">
        <v>94</v>
      </c>
      <c r="AG29" s="127"/>
      <c r="AH29" s="127"/>
      <c r="AI29" s="127"/>
      <c r="AJ29" s="127"/>
      <c r="AK29" s="127"/>
      <c r="AL29" s="158"/>
    </row>
    <row r="30" spans="3:38" ht="25.5" customHeight="1" x14ac:dyDescent="0.15">
      <c r="C30" s="286"/>
      <c r="D30" s="287"/>
      <c r="E30" s="288"/>
      <c r="F30" s="288"/>
      <c r="G30" s="288"/>
      <c r="H30" s="288"/>
      <c r="I30" s="289"/>
      <c r="J30" s="403" t="s">
        <v>103</v>
      </c>
      <c r="K30" s="404"/>
      <c r="L30" s="405"/>
      <c r="M30" s="405"/>
      <c r="N30" s="58" t="s">
        <v>102</v>
      </c>
      <c r="O30" s="405"/>
      <c r="P30" s="405"/>
      <c r="Q30" s="58" t="s">
        <v>93</v>
      </c>
      <c r="R30" s="80"/>
      <c r="S30" s="39" t="s">
        <v>18</v>
      </c>
      <c r="T30" s="39"/>
      <c r="U30" s="400"/>
      <c r="V30" s="400"/>
      <c r="W30" s="39" t="s">
        <v>102</v>
      </c>
      <c r="X30" s="400"/>
      <c r="Y30" s="400"/>
      <c r="Z30" s="39" t="s">
        <v>93</v>
      </c>
      <c r="AA30" s="30" t="s">
        <v>49</v>
      </c>
      <c r="AB30" s="30"/>
      <c r="AC30" s="30"/>
      <c r="AD30" s="402"/>
      <c r="AE30" s="402"/>
      <c r="AF30" s="30" t="s">
        <v>94</v>
      </c>
      <c r="AG30" s="127"/>
      <c r="AH30" s="127"/>
      <c r="AI30" s="127"/>
      <c r="AJ30" s="127"/>
      <c r="AK30" s="127"/>
      <c r="AL30" s="158"/>
    </row>
    <row r="31" spans="3:38" ht="25.5" customHeight="1" x14ac:dyDescent="0.15">
      <c r="C31" s="286"/>
      <c r="D31" s="229"/>
      <c r="E31" s="230"/>
      <c r="F31" s="230"/>
      <c r="G31" s="230"/>
      <c r="H31" s="230"/>
      <c r="I31" s="231"/>
      <c r="J31" s="290" t="s">
        <v>104</v>
      </c>
      <c r="K31" s="291"/>
      <c r="L31" s="292"/>
      <c r="M31" s="292"/>
      <c r="N31" s="59" t="s">
        <v>102</v>
      </c>
      <c r="O31" s="292"/>
      <c r="P31" s="292"/>
      <c r="Q31" s="59" t="s">
        <v>93</v>
      </c>
      <c r="R31" s="81"/>
      <c r="S31" s="59" t="s">
        <v>18</v>
      </c>
      <c r="T31" s="15"/>
      <c r="U31" s="292"/>
      <c r="V31" s="292"/>
      <c r="W31" s="59" t="s">
        <v>102</v>
      </c>
      <c r="X31" s="292"/>
      <c r="Y31" s="292"/>
      <c r="Z31" s="59" t="s">
        <v>93</v>
      </c>
      <c r="AA31" s="115" t="s">
        <v>49</v>
      </c>
      <c r="AB31" s="115"/>
      <c r="AC31" s="115"/>
      <c r="AD31" s="394"/>
      <c r="AE31" s="394"/>
      <c r="AF31" s="115" t="s">
        <v>94</v>
      </c>
      <c r="AG31" s="128"/>
      <c r="AH31" s="128"/>
      <c r="AI31" s="128"/>
      <c r="AJ31" s="128"/>
      <c r="AK31" s="128"/>
      <c r="AL31" s="159"/>
    </row>
    <row r="32" spans="3:38" ht="27" customHeight="1" x14ac:dyDescent="0.15">
      <c r="C32" s="286"/>
      <c r="D32" s="260" t="s">
        <v>218</v>
      </c>
      <c r="E32" s="261"/>
      <c r="F32" s="261"/>
      <c r="G32" s="261"/>
      <c r="H32" s="261"/>
      <c r="I32" s="262"/>
      <c r="J32" s="270" t="s">
        <v>105</v>
      </c>
      <c r="K32" s="271"/>
      <c r="L32" s="271"/>
      <c r="M32" s="272"/>
      <c r="N32" s="276" t="s">
        <v>44</v>
      </c>
      <c r="O32" s="278" t="s">
        <v>91</v>
      </c>
      <c r="P32" s="271"/>
      <c r="Q32" s="280" t="s">
        <v>44</v>
      </c>
      <c r="R32" s="278" t="s">
        <v>99</v>
      </c>
      <c r="S32" s="89"/>
      <c r="T32" s="395"/>
      <c r="U32" s="395"/>
      <c r="V32" s="271" t="s">
        <v>92</v>
      </c>
      <c r="W32" s="271"/>
      <c r="X32" s="395"/>
      <c r="Y32" s="395"/>
      <c r="Z32" s="113" t="s">
        <v>93</v>
      </c>
      <c r="AA32" s="12" t="s">
        <v>219</v>
      </c>
      <c r="AB32" s="12"/>
      <c r="AC32" s="12"/>
      <c r="AD32" s="396"/>
      <c r="AE32" s="396"/>
      <c r="AF32" s="12" t="s">
        <v>94</v>
      </c>
      <c r="AG32" s="389"/>
      <c r="AH32" s="389"/>
      <c r="AI32" s="389"/>
      <c r="AJ32" s="389"/>
      <c r="AK32" s="142"/>
      <c r="AL32" s="153"/>
    </row>
    <row r="33" spans="3:38" ht="22.5" customHeight="1" x14ac:dyDescent="0.15">
      <c r="C33" s="286"/>
      <c r="D33" s="263"/>
      <c r="E33" s="264"/>
      <c r="F33" s="264"/>
      <c r="G33" s="264"/>
      <c r="H33" s="264"/>
      <c r="I33" s="265"/>
      <c r="J33" s="273"/>
      <c r="K33" s="274"/>
      <c r="L33" s="274"/>
      <c r="M33" s="275"/>
      <c r="N33" s="277"/>
      <c r="O33" s="279"/>
      <c r="P33" s="274"/>
      <c r="Q33" s="281"/>
      <c r="R33" s="279"/>
      <c r="S33" s="90"/>
      <c r="T33" s="90" t="s">
        <v>193</v>
      </c>
      <c r="U33" s="90"/>
      <c r="V33" s="90"/>
      <c r="W33" s="90"/>
      <c r="X33" s="90"/>
      <c r="Y33" s="90"/>
      <c r="Z33" s="90"/>
      <c r="AA33" s="90"/>
      <c r="AB33" s="119"/>
      <c r="AC33" s="119"/>
      <c r="AD33" s="123"/>
      <c r="AE33" s="123"/>
      <c r="AF33" s="119"/>
      <c r="AG33" s="44"/>
      <c r="AH33" s="44"/>
      <c r="AI33" s="44"/>
      <c r="AJ33" s="44"/>
      <c r="AK33" s="15"/>
      <c r="AL33" s="152"/>
    </row>
    <row r="34" spans="3:38" ht="25.5" customHeight="1" x14ac:dyDescent="0.15">
      <c r="C34" s="286"/>
      <c r="D34" s="263"/>
      <c r="E34" s="266"/>
      <c r="F34" s="266"/>
      <c r="G34" s="266"/>
      <c r="H34" s="266"/>
      <c r="I34" s="265"/>
      <c r="J34" s="390" t="s">
        <v>106</v>
      </c>
      <c r="K34" s="391"/>
      <c r="L34" s="391"/>
      <c r="M34" s="391"/>
      <c r="N34" s="60" t="s">
        <v>44</v>
      </c>
      <c r="O34" s="65" t="s">
        <v>91</v>
      </c>
      <c r="P34" s="70"/>
      <c r="Q34" s="75" t="s">
        <v>44</v>
      </c>
      <c r="R34" s="65" t="s">
        <v>99</v>
      </c>
      <c r="S34" s="70"/>
      <c r="T34" s="392"/>
      <c r="U34" s="392"/>
      <c r="V34" s="391" t="s">
        <v>19</v>
      </c>
      <c r="W34" s="391"/>
      <c r="X34" s="391"/>
      <c r="Y34" s="391"/>
      <c r="Z34" s="391"/>
      <c r="AA34" s="391"/>
      <c r="AB34" s="391"/>
      <c r="AC34" s="391"/>
      <c r="AD34" s="391"/>
      <c r="AE34" s="391"/>
      <c r="AF34" s="391"/>
      <c r="AG34" s="391"/>
      <c r="AH34" s="391"/>
      <c r="AI34" s="391"/>
      <c r="AJ34" s="391"/>
      <c r="AK34" s="391"/>
      <c r="AL34" s="393"/>
    </row>
    <row r="35" spans="3:38" ht="39" customHeight="1" x14ac:dyDescent="0.15">
      <c r="C35" s="225"/>
      <c r="D35" s="267"/>
      <c r="E35" s="268"/>
      <c r="F35" s="268"/>
      <c r="G35" s="268"/>
      <c r="H35" s="268"/>
      <c r="I35" s="269"/>
      <c r="J35" s="344" t="s">
        <v>107</v>
      </c>
      <c r="K35" s="345"/>
      <c r="L35" s="345"/>
      <c r="M35" s="345"/>
      <c r="N35" s="346"/>
      <c r="O35" s="347"/>
      <c r="P35" s="71" t="s">
        <v>108</v>
      </c>
      <c r="Q35" s="347"/>
      <c r="R35" s="347"/>
      <c r="S35" s="71" t="s">
        <v>93</v>
      </c>
      <c r="T35" s="71" t="s">
        <v>18</v>
      </c>
      <c r="U35" s="347"/>
      <c r="V35" s="347"/>
      <c r="W35" s="71" t="s">
        <v>108</v>
      </c>
      <c r="X35" s="347"/>
      <c r="Y35" s="347"/>
      <c r="Z35" s="71" t="s">
        <v>93</v>
      </c>
      <c r="AA35" s="116" t="s">
        <v>214</v>
      </c>
      <c r="AB35" s="116"/>
      <c r="AC35" s="116"/>
      <c r="AD35" s="394"/>
      <c r="AE35" s="394"/>
      <c r="AF35" s="116" t="s">
        <v>94</v>
      </c>
      <c r="AG35" s="116"/>
      <c r="AH35" s="116"/>
      <c r="AI35" s="116"/>
      <c r="AJ35" s="116"/>
      <c r="AK35" s="15"/>
      <c r="AL35" s="160"/>
    </row>
    <row r="36" spans="3:38" ht="25.5" customHeight="1" x14ac:dyDescent="0.15">
      <c r="C36" s="236">
        <v>7</v>
      </c>
      <c r="D36" s="238" t="s">
        <v>9</v>
      </c>
      <c r="E36" s="239"/>
      <c r="F36" s="239"/>
      <c r="G36" s="239"/>
      <c r="H36" s="239"/>
      <c r="I36" s="240"/>
      <c r="J36" s="383" t="s">
        <v>109</v>
      </c>
      <c r="K36" s="384"/>
      <c r="L36" s="385"/>
      <c r="M36" s="385"/>
      <c r="N36" s="61" t="s">
        <v>15</v>
      </c>
      <c r="O36" s="386"/>
      <c r="P36" s="386"/>
      <c r="Q36" s="76" t="s">
        <v>17</v>
      </c>
      <c r="R36" s="82"/>
      <c r="S36" s="383" t="s">
        <v>109</v>
      </c>
      <c r="T36" s="384"/>
      <c r="U36" s="387"/>
      <c r="V36" s="387"/>
      <c r="W36" s="61" t="s">
        <v>15</v>
      </c>
      <c r="X36" s="386"/>
      <c r="Y36" s="386"/>
      <c r="Z36" s="76" t="s">
        <v>17</v>
      </c>
      <c r="AA36" s="117"/>
      <c r="AB36" s="388" t="s">
        <v>109</v>
      </c>
      <c r="AC36" s="384"/>
      <c r="AD36" s="387"/>
      <c r="AE36" s="387"/>
      <c r="AF36" s="61" t="s">
        <v>15</v>
      </c>
      <c r="AG36" s="386"/>
      <c r="AH36" s="386"/>
      <c r="AI36" s="76" t="s">
        <v>17</v>
      </c>
      <c r="AJ36" s="355"/>
      <c r="AK36" s="356"/>
      <c r="AL36" s="373"/>
    </row>
    <row r="37" spans="3:38" ht="25.5" customHeight="1" x14ac:dyDescent="0.15">
      <c r="C37" s="282"/>
      <c r="D37" s="283"/>
      <c r="E37" s="284"/>
      <c r="F37" s="284"/>
      <c r="G37" s="284"/>
      <c r="H37" s="284"/>
      <c r="I37" s="285"/>
      <c r="J37" s="374"/>
      <c r="K37" s="375"/>
      <c r="L37" s="376" t="s">
        <v>110</v>
      </c>
      <c r="M37" s="377"/>
      <c r="N37" s="378"/>
      <c r="O37" s="379"/>
      <c r="P37" s="376" t="s">
        <v>111</v>
      </c>
      <c r="Q37" s="376"/>
      <c r="R37" s="380"/>
      <c r="S37" s="374"/>
      <c r="T37" s="375"/>
      <c r="U37" s="376" t="s">
        <v>110</v>
      </c>
      <c r="V37" s="377"/>
      <c r="W37" s="378"/>
      <c r="X37" s="379"/>
      <c r="Y37" s="376" t="s">
        <v>111</v>
      </c>
      <c r="Z37" s="376"/>
      <c r="AA37" s="380"/>
      <c r="AB37" s="374"/>
      <c r="AC37" s="375"/>
      <c r="AD37" s="376" t="s">
        <v>110</v>
      </c>
      <c r="AE37" s="377"/>
      <c r="AF37" s="378"/>
      <c r="AG37" s="379"/>
      <c r="AH37" s="376" t="s">
        <v>111</v>
      </c>
      <c r="AI37" s="376"/>
      <c r="AJ37" s="376"/>
      <c r="AK37" s="381"/>
      <c r="AL37" s="382"/>
    </row>
    <row r="38" spans="3:38" ht="25.5" customHeight="1" x14ac:dyDescent="0.15">
      <c r="C38" s="223">
        <v>8</v>
      </c>
      <c r="D38" s="226" t="s">
        <v>220</v>
      </c>
      <c r="E38" s="227"/>
      <c r="F38" s="227"/>
      <c r="G38" s="227"/>
      <c r="H38" s="227"/>
      <c r="I38" s="228"/>
      <c r="J38" s="24" t="s">
        <v>44</v>
      </c>
      <c r="K38" s="34" t="s">
        <v>114</v>
      </c>
      <c r="L38" s="46"/>
      <c r="M38" s="48" t="s">
        <v>44</v>
      </c>
      <c r="N38" s="34" t="s">
        <v>115</v>
      </c>
      <c r="O38" s="46"/>
      <c r="P38" s="72"/>
      <c r="Q38" s="34"/>
      <c r="R38" s="72"/>
      <c r="S38" s="72"/>
      <c r="T38" s="72"/>
      <c r="U38" s="72"/>
      <c r="V38" s="72"/>
      <c r="W38" s="72"/>
      <c r="X38" s="72"/>
      <c r="Y38" s="72"/>
      <c r="Z38" s="72"/>
      <c r="AA38" s="72"/>
      <c r="AB38" s="72"/>
      <c r="AC38" s="72"/>
      <c r="AD38" s="72"/>
      <c r="AE38" s="72"/>
      <c r="AF38" s="72"/>
      <c r="AG38" s="72"/>
      <c r="AH38" s="72"/>
      <c r="AI38" s="72"/>
      <c r="AJ38" s="72"/>
      <c r="AK38" s="72"/>
      <c r="AL38" s="161"/>
    </row>
    <row r="39" spans="3:38" ht="25.5" customHeight="1" x14ac:dyDescent="0.15">
      <c r="C39" s="225"/>
      <c r="D39" s="229"/>
      <c r="E39" s="230"/>
      <c r="F39" s="230"/>
      <c r="G39" s="230"/>
      <c r="H39" s="230"/>
      <c r="I39" s="231"/>
      <c r="J39" s="367" t="s">
        <v>116</v>
      </c>
      <c r="K39" s="368"/>
      <c r="L39" s="292"/>
      <c r="M39" s="292"/>
      <c r="N39" s="59" t="s">
        <v>15</v>
      </c>
      <c r="O39" s="369"/>
      <c r="P39" s="369"/>
      <c r="Q39" s="59" t="s">
        <v>17</v>
      </c>
      <c r="R39" s="369"/>
      <c r="S39" s="369"/>
      <c r="T39" s="59" t="s">
        <v>19</v>
      </c>
      <c r="U39" s="98"/>
      <c r="V39" s="370" t="s">
        <v>18</v>
      </c>
      <c r="W39" s="370"/>
      <c r="X39" s="98"/>
      <c r="Y39" s="292"/>
      <c r="Z39" s="292"/>
      <c r="AA39" s="59" t="s">
        <v>15</v>
      </c>
      <c r="AB39" s="369"/>
      <c r="AC39" s="369"/>
      <c r="AD39" s="59" t="s">
        <v>17</v>
      </c>
      <c r="AE39" s="369"/>
      <c r="AF39" s="369"/>
      <c r="AG39" s="59" t="s">
        <v>19</v>
      </c>
      <c r="AH39" s="370"/>
      <c r="AI39" s="370"/>
      <c r="AJ39" s="370"/>
      <c r="AK39" s="371"/>
      <c r="AL39" s="372"/>
    </row>
    <row r="40" spans="3:38" ht="25.5" customHeight="1" x14ac:dyDescent="0.15">
      <c r="C40" s="223">
        <v>9</v>
      </c>
      <c r="D40" s="226" t="s">
        <v>177</v>
      </c>
      <c r="E40" s="227"/>
      <c r="F40" s="227"/>
      <c r="G40" s="227"/>
      <c r="H40" s="227"/>
      <c r="I40" s="228"/>
      <c r="J40" s="24" t="s">
        <v>44</v>
      </c>
      <c r="K40" s="34" t="s">
        <v>114</v>
      </c>
      <c r="L40" s="46"/>
      <c r="M40" s="48" t="s">
        <v>44</v>
      </c>
      <c r="N40" s="34" t="s">
        <v>115</v>
      </c>
      <c r="O40" s="46"/>
      <c r="P40" s="48" t="s">
        <v>44</v>
      </c>
      <c r="Q40" s="34" t="s">
        <v>117</v>
      </c>
      <c r="R40" s="69"/>
      <c r="S40" s="91"/>
      <c r="T40" s="91"/>
      <c r="U40" s="91"/>
      <c r="V40" s="91"/>
      <c r="W40" s="91"/>
      <c r="X40" s="91"/>
      <c r="Y40" s="91"/>
      <c r="Z40" s="91"/>
      <c r="AA40" s="91"/>
      <c r="AB40" s="91"/>
      <c r="AC40" s="91"/>
      <c r="AD40" s="91"/>
      <c r="AE40" s="91"/>
      <c r="AF40" s="91"/>
      <c r="AG40" s="91"/>
      <c r="AH40" s="91"/>
      <c r="AI40" s="91"/>
      <c r="AJ40" s="91"/>
      <c r="AK40" s="91"/>
      <c r="AL40" s="162"/>
    </row>
    <row r="41" spans="3:38" ht="25.5" customHeight="1" x14ac:dyDescent="0.15">
      <c r="C41" s="232"/>
      <c r="D41" s="233"/>
      <c r="E41" s="234"/>
      <c r="F41" s="234"/>
      <c r="G41" s="234"/>
      <c r="H41" s="234"/>
      <c r="I41" s="235"/>
      <c r="J41" s="349" t="s">
        <v>116</v>
      </c>
      <c r="K41" s="350"/>
      <c r="L41" s="351"/>
      <c r="M41" s="352"/>
      <c r="N41" s="62" t="s">
        <v>15</v>
      </c>
      <c r="O41" s="66"/>
      <c r="P41" s="62" t="s">
        <v>17</v>
      </c>
      <c r="Q41" s="66"/>
      <c r="R41" s="62" t="s">
        <v>19</v>
      </c>
      <c r="S41" s="62" t="s">
        <v>18</v>
      </c>
      <c r="T41" s="352"/>
      <c r="U41" s="352"/>
      <c r="V41" s="62" t="s">
        <v>15</v>
      </c>
      <c r="W41" s="66"/>
      <c r="X41" s="62" t="s">
        <v>17</v>
      </c>
      <c r="Y41" s="66"/>
      <c r="Z41" s="62" t="s">
        <v>19</v>
      </c>
      <c r="AA41" s="62"/>
      <c r="AB41" s="62"/>
      <c r="AC41" s="62"/>
      <c r="AD41" s="62"/>
      <c r="AE41" s="62"/>
      <c r="AF41" s="62"/>
      <c r="AG41" s="62"/>
      <c r="AH41" s="62"/>
      <c r="AI41" s="62"/>
      <c r="AJ41" s="62"/>
      <c r="AK41" s="62"/>
      <c r="AL41" s="163"/>
    </row>
    <row r="42" spans="3:38" ht="25.5" customHeight="1" x14ac:dyDescent="0.15">
      <c r="C42" s="236">
        <v>10</v>
      </c>
      <c r="D42" s="238" t="s">
        <v>118</v>
      </c>
      <c r="E42" s="239"/>
      <c r="F42" s="239"/>
      <c r="G42" s="239"/>
      <c r="H42" s="239"/>
      <c r="I42" s="240"/>
      <c r="J42" s="25" t="s">
        <v>44</v>
      </c>
      <c r="K42" s="40" t="s">
        <v>114</v>
      </c>
      <c r="L42" s="47"/>
      <c r="M42" s="54" t="s">
        <v>44</v>
      </c>
      <c r="N42" s="40" t="s">
        <v>115</v>
      </c>
      <c r="O42" s="47"/>
      <c r="P42" s="54" t="s">
        <v>44</v>
      </c>
      <c r="Q42" s="40" t="s">
        <v>117</v>
      </c>
      <c r="R42" s="83"/>
      <c r="S42" s="353" t="s">
        <v>119</v>
      </c>
      <c r="T42" s="354"/>
      <c r="U42" s="54" t="s">
        <v>44</v>
      </c>
      <c r="V42" s="47" t="s">
        <v>120</v>
      </c>
      <c r="W42" s="47"/>
      <c r="X42" s="47"/>
      <c r="Y42" s="54" t="s">
        <v>44</v>
      </c>
      <c r="Z42" s="47" t="s">
        <v>122</v>
      </c>
      <c r="AA42" s="47"/>
      <c r="AB42" s="54" t="s">
        <v>44</v>
      </c>
      <c r="AC42" s="47" t="s">
        <v>123</v>
      </c>
      <c r="AD42" s="47"/>
      <c r="AE42" s="355"/>
      <c r="AF42" s="356"/>
      <c r="AG42" s="356"/>
      <c r="AH42" s="356"/>
      <c r="AI42" s="356"/>
      <c r="AJ42" s="356"/>
      <c r="AK42" s="356"/>
      <c r="AL42" s="164" t="s">
        <v>0</v>
      </c>
    </row>
    <row r="43" spans="3:38" ht="25.5" customHeight="1" x14ac:dyDescent="0.15">
      <c r="C43" s="237"/>
      <c r="D43" s="241"/>
      <c r="E43" s="242"/>
      <c r="F43" s="242"/>
      <c r="G43" s="242"/>
      <c r="H43" s="242"/>
      <c r="I43" s="243"/>
      <c r="J43" s="357" t="s">
        <v>116</v>
      </c>
      <c r="K43" s="358"/>
      <c r="L43" s="359"/>
      <c r="M43" s="360"/>
      <c r="N43" s="63" t="s">
        <v>15</v>
      </c>
      <c r="O43" s="67"/>
      <c r="P43" s="63" t="s">
        <v>17</v>
      </c>
      <c r="Q43" s="67"/>
      <c r="R43" s="63" t="s">
        <v>19</v>
      </c>
      <c r="S43" s="63" t="s">
        <v>18</v>
      </c>
      <c r="T43" s="360"/>
      <c r="U43" s="360"/>
      <c r="V43" s="63" t="s">
        <v>15</v>
      </c>
      <c r="W43" s="67"/>
      <c r="X43" s="63" t="s">
        <v>17</v>
      </c>
      <c r="Y43" s="67"/>
      <c r="Z43" s="63" t="s">
        <v>19</v>
      </c>
      <c r="AA43" s="63"/>
      <c r="AB43" s="63"/>
      <c r="AC43" s="63"/>
      <c r="AD43" s="63"/>
      <c r="AE43" s="63"/>
      <c r="AF43" s="63"/>
      <c r="AG43" s="63"/>
      <c r="AH43" s="63"/>
      <c r="AI43" s="63"/>
      <c r="AJ43" s="63"/>
      <c r="AK43" s="63"/>
      <c r="AL43" s="165"/>
    </row>
    <row r="44" spans="3:38" ht="25.5" customHeight="1" x14ac:dyDescent="0.15">
      <c r="C44" s="6">
        <v>11</v>
      </c>
      <c r="D44" s="361" t="s">
        <v>124</v>
      </c>
      <c r="E44" s="362"/>
      <c r="F44" s="362"/>
      <c r="G44" s="362"/>
      <c r="H44" s="362"/>
      <c r="I44" s="363"/>
      <c r="J44" s="25" t="s">
        <v>44</v>
      </c>
      <c r="K44" s="40" t="s">
        <v>13</v>
      </c>
      <c r="L44" s="47"/>
      <c r="M44" s="54" t="s">
        <v>44</v>
      </c>
      <c r="N44" s="40" t="s">
        <v>125</v>
      </c>
      <c r="O44" s="68"/>
      <c r="P44" s="73"/>
      <c r="Q44" s="364"/>
      <c r="R44" s="364"/>
      <c r="S44" s="92" t="s">
        <v>15</v>
      </c>
      <c r="T44" s="364"/>
      <c r="U44" s="364"/>
      <c r="V44" s="92" t="s">
        <v>17</v>
      </c>
      <c r="W44" s="364"/>
      <c r="X44" s="364"/>
      <c r="Y44" s="92" t="s">
        <v>19</v>
      </c>
      <c r="Z44" s="365"/>
      <c r="AA44" s="365"/>
      <c r="AB44" s="365"/>
      <c r="AC44" s="365"/>
      <c r="AD44" s="365"/>
      <c r="AE44" s="365"/>
      <c r="AF44" s="365"/>
      <c r="AG44" s="365"/>
      <c r="AH44" s="365"/>
      <c r="AI44" s="365"/>
      <c r="AJ44" s="365"/>
      <c r="AK44" s="365"/>
      <c r="AL44" s="366"/>
    </row>
    <row r="45" spans="3:38" ht="25.5" customHeight="1" x14ac:dyDescent="0.15">
      <c r="C45" s="223">
        <v>12</v>
      </c>
      <c r="D45" s="226" t="s">
        <v>221</v>
      </c>
      <c r="E45" s="227"/>
      <c r="F45" s="227"/>
      <c r="G45" s="227"/>
      <c r="H45" s="227"/>
      <c r="I45" s="228"/>
      <c r="J45" s="24" t="s">
        <v>44</v>
      </c>
      <c r="K45" s="34" t="s">
        <v>114</v>
      </c>
      <c r="L45" s="46"/>
      <c r="M45" s="48" t="s">
        <v>44</v>
      </c>
      <c r="N45" s="34" t="s">
        <v>115</v>
      </c>
      <c r="O45" s="69"/>
      <c r="P45" s="69"/>
      <c r="Q45" s="69"/>
      <c r="R45" s="84"/>
      <c r="S45" s="338" t="s">
        <v>116</v>
      </c>
      <c r="T45" s="339"/>
      <c r="U45" s="340"/>
      <c r="V45" s="341"/>
      <c r="W45" s="108" t="s">
        <v>15</v>
      </c>
      <c r="X45" s="110"/>
      <c r="Y45" s="108" t="s">
        <v>17</v>
      </c>
      <c r="Z45" s="110"/>
      <c r="AA45" s="108" t="s">
        <v>19</v>
      </c>
      <c r="AB45" s="108" t="s">
        <v>18</v>
      </c>
      <c r="AC45" s="342"/>
      <c r="AD45" s="343"/>
      <c r="AE45" s="108" t="s">
        <v>15</v>
      </c>
      <c r="AF45" s="110"/>
      <c r="AG45" s="108" t="s">
        <v>17</v>
      </c>
      <c r="AH45" s="110"/>
      <c r="AI45" s="108" t="s">
        <v>19</v>
      </c>
      <c r="AJ45" s="108"/>
      <c r="AK45" s="143"/>
      <c r="AL45" s="152"/>
    </row>
    <row r="46" spans="3:38" ht="39.75" customHeight="1" x14ac:dyDescent="0.15">
      <c r="C46" s="225"/>
      <c r="D46" s="229"/>
      <c r="E46" s="230"/>
      <c r="F46" s="230"/>
      <c r="G46" s="230"/>
      <c r="H46" s="230"/>
      <c r="I46" s="231"/>
      <c r="J46" s="344" t="s">
        <v>107</v>
      </c>
      <c r="K46" s="345"/>
      <c r="L46" s="345"/>
      <c r="M46" s="345"/>
      <c r="N46" s="346"/>
      <c r="O46" s="347"/>
      <c r="P46" s="71" t="s">
        <v>108</v>
      </c>
      <c r="Q46" s="347"/>
      <c r="R46" s="347"/>
      <c r="S46" s="71" t="s">
        <v>93</v>
      </c>
      <c r="T46" s="71" t="s">
        <v>18</v>
      </c>
      <c r="U46" s="347"/>
      <c r="V46" s="347"/>
      <c r="W46" s="71" t="s">
        <v>108</v>
      </c>
      <c r="X46" s="347"/>
      <c r="Y46" s="347"/>
      <c r="Z46" s="71" t="s">
        <v>93</v>
      </c>
      <c r="AA46" s="116" t="s">
        <v>214</v>
      </c>
      <c r="AB46" s="120"/>
      <c r="AC46" s="116"/>
      <c r="AD46" s="348"/>
      <c r="AE46" s="348"/>
      <c r="AF46" s="116" t="s">
        <v>94</v>
      </c>
      <c r="AG46" s="116"/>
      <c r="AH46" s="116"/>
      <c r="AI46" s="116"/>
      <c r="AJ46" s="116"/>
      <c r="AK46" s="120"/>
      <c r="AL46" s="160"/>
    </row>
    <row r="47" spans="3:38" ht="51.75" customHeight="1" x14ac:dyDescent="0.15">
      <c r="C47" s="7">
        <v>13</v>
      </c>
      <c r="D47" s="203" t="s">
        <v>126</v>
      </c>
      <c r="E47" s="201"/>
      <c r="F47" s="201"/>
      <c r="G47" s="201"/>
      <c r="H47" s="201"/>
      <c r="I47" s="201"/>
      <c r="J47" s="24" t="s">
        <v>44</v>
      </c>
      <c r="K47" s="34" t="s">
        <v>74</v>
      </c>
      <c r="L47" s="48" t="s">
        <v>44</v>
      </c>
      <c r="M47" s="34" t="s">
        <v>127</v>
      </c>
      <c r="N47" s="34"/>
      <c r="O47" s="48" t="s">
        <v>44</v>
      </c>
      <c r="P47" s="34" t="s">
        <v>128</v>
      </c>
      <c r="Q47" s="34"/>
      <c r="R47" s="15"/>
      <c r="S47" s="93"/>
      <c r="T47" s="93"/>
      <c r="U47" s="93"/>
      <c r="V47" s="93"/>
      <c r="W47" s="93"/>
      <c r="X47" s="111"/>
      <c r="Y47" s="111"/>
      <c r="Z47" s="111"/>
      <c r="AA47" s="111"/>
      <c r="AB47" s="111"/>
      <c r="AC47" s="111"/>
      <c r="AD47" s="111"/>
      <c r="AE47" s="111"/>
      <c r="AF47" s="111"/>
      <c r="AG47" s="111"/>
      <c r="AH47" s="93"/>
      <c r="AI47" s="133"/>
      <c r="AJ47" s="133"/>
      <c r="AK47" s="133"/>
      <c r="AL47" s="166"/>
    </row>
    <row r="48" spans="3:38" s="1" customFormat="1" ht="51.75" customHeight="1" x14ac:dyDescent="0.15">
      <c r="C48" s="8">
        <v>14</v>
      </c>
      <c r="D48" s="251" t="s">
        <v>131</v>
      </c>
      <c r="E48" s="251"/>
      <c r="F48" s="251"/>
      <c r="G48" s="251"/>
      <c r="H48" s="251"/>
      <c r="I48" s="251"/>
      <c r="J48" s="26" t="s">
        <v>44</v>
      </c>
      <c r="K48" s="41" t="s">
        <v>74</v>
      </c>
      <c r="L48" s="49" t="s">
        <v>44</v>
      </c>
      <c r="M48" s="41" t="s">
        <v>127</v>
      </c>
      <c r="N48" s="41"/>
      <c r="O48" s="49" t="s">
        <v>44</v>
      </c>
      <c r="P48" s="41" t="s">
        <v>128</v>
      </c>
      <c r="Q48" s="48" t="s">
        <v>44</v>
      </c>
      <c r="R48" s="34" t="s">
        <v>129</v>
      </c>
      <c r="S48" s="93"/>
      <c r="T48" s="93"/>
      <c r="U48" s="93"/>
      <c r="V48" s="93"/>
      <c r="W48" s="93"/>
      <c r="X48" s="111"/>
      <c r="Y48" s="111"/>
      <c r="Z48" s="111"/>
      <c r="AA48" s="111"/>
      <c r="AB48" s="111"/>
      <c r="AC48" s="111"/>
      <c r="AD48" s="111"/>
      <c r="AE48" s="111"/>
      <c r="AF48" s="111"/>
      <c r="AG48" s="111"/>
      <c r="AH48" s="93"/>
      <c r="AI48" s="133"/>
      <c r="AJ48" s="133"/>
      <c r="AK48" s="133"/>
      <c r="AL48" s="167"/>
    </row>
    <row r="49" spans="3:38" ht="25.5" customHeight="1" x14ac:dyDescent="0.15">
      <c r="C49" s="9">
        <v>15</v>
      </c>
      <c r="D49" s="252" t="s">
        <v>3</v>
      </c>
      <c r="E49" s="253"/>
      <c r="F49" s="253"/>
      <c r="G49" s="253"/>
      <c r="H49" s="253"/>
      <c r="I49" s="254"/>
      <c r="J49" s="26" t="s">
        <v>44</v>
      </c>
      <c r="K49" s="41" t="s">
        <v>133</v>
      </c>
      <c r="L49" s="49" t="s">
        <v>44</v>
      </c>
      <c r="M49" s="41" t="s">
        <v>23</v>
      </c>
      <c r="N49" s="41"/>
      <c r="O49" s="49" t="s">
        <v>44</v>
      </c>
      <c r="P49" s="41" t="s">
        <v>134</v>
      </c>
      <c r="Q49" s="77"/>
      <c r="R49" s="85"/>
      <c r="S49" s="85"/>
      <c r="T49" s="85"/>
      <c r="U49" s="85"/>
      <c r="V49" s="85"/>
      <c r="W49" s="85"/>
      <c r="X49" s="85"/>
      <c r="Y49" s="85"/>
      <c r="Z49" s="85"/>
      <c r="AA49" s="85"/>
      <c r="AB49" s="85"/>
      <c r="AC49" s="85"/>
      <c r="AD49" s="85"/>
      <c r="AE49" s="85"/>
      <c r="AF49" s="85"/>
      <c r="AG49" s="85"/>
      <c r="AH49" s="85"/>
      <c r="AI49" s="85"/>
      <c r="AJ49" s="85"/>
      <c r="AK49" s="85"/>
      <c r="AL49" s="168"/>
    </row>
    <row r="50" spans="3:38" ht="25.5" customHeight="1" x14ac:dyDescent="0.15">
      <c r="C50" s="10">
        <v>16</v>
      </c>
      <c r="D50" s="255" t="s">
        <v>135</v>
      </c>
      <c r="E50" s="256"/>
      <c r="F50" s="256"/>
      <c r="G50" s="256"/>
      <c r="H50" s="256"/>
      <c r="I50" s="257"/>
      <c r="J50" s="18" t="s">
        <v>44</v>
      </c>
      <c r="K50" s="42" t="s">
        <v>133</v>
      </c>
      <c r="L50" s="50" t="s">
        <v>44</v>
      </c>
      <c r="M50" s="42" t="s">
        <v>23</v>
      </c>
      <c r="N50" s="42"/>
      <c r="O50" s="50" t="s">
        <v>44</v>
      </c>
      <c r="P50" s="42" t="s">
        <v>134</v>
      </c>
      <c r="Q50" s="78"/>
      <c r="R50" s="86"/>
      <c r="S50" s="86"/>
      <c r="T50" s="86"/>
      <c r="U50" s="86"/>
      <c r="V50" s="86"/>
      <c r="W50" s="86"/>
      <c r="X50" s="86"/>
      <c r="Y50" s="86"/>
      <c r="Z50" s="86"/>
      <c r="AA50" s="86"/>
      <c r="AB50" s="86"/>
      <c r="AC50" s="86"/>
      <c r="AD50" s="86"/>
      <c r="AE50" s="86"/>
      <c r="AF50" s="86"/>
      <c r="AG50" s="86"/>
      <c r="AH50" s="86"/>
      <c r="AI50" s="86"/>
      <c r="AJ50" s="86"/>
      <c r="AK50" s="86"/>
      <c r="AL50" s="169"/>
    </row>
    <row r="51" spans="3:38" ht="25.5" customHeight="1" x14ac:dyDescent="0.15">
      <c r="C51" s="11">
        <v>17</v>
      </c>
      <c r="D51" s="258" t="s">
        <v>45</v>
      </c>
      <c r="E51" s="259"/>
      <c r="F51" s="259"/>
      <c r="G51" s="259"/>
      <c r="H51" s="259"/>
      <c r="I51" s="259"/>
      <c r="J51" s="337"/>
      <c r="K51" s="324"/>
      <c r="L51" s="51" t="s">
        <v>15</v>
      </c>
      <c r="M51" s="325"/>
      <c r="N51" s="325"/>
      <c r="O51" s="51" t="s">
        <v>17</v>
      </c>
      <c r="P51" s="325"/>
      <c r="Q51" s="325"/>
      <c r="R51" s="51" t="s">
        <v>19</v>
      </c>
      <c r="S51" s="94"/>
      <c r="T51" s="326" t="s">
        <v>18</v>
      </c>
      <c r="U51" s="326"/>
      <c r="V51" s="94"/>
      <c r="W51" s="324"/>
      <c r="X51" s="324"/>
      <c r="Y51" s="51" t="s">
        <v>15</v>
      </c>
      <c r="Z51" s="325"/>
      <c r="AA51" s="325"/>
      <c r="AB51" s="51" t="s">
        <v>17</v>
      </c>
      <c r="AC51" s="325"/>
      <c r="AD51" s="325"/>
      <c r="AE51" s="51" t="s">
        <v>19</v>
      </c>
      <c r="AF51" s="326"/>
      <c r="AG51" s="326"/>
      <c r="AH51" s="326"/>
      <c r="AI51" s="134"/>
      <c r="AJ51" s="134"/>
      <c r="AK51" s="144"/>
      <c r="AL51" s="170"/>
    </row>
    <row r="52" spans="3:38" ht="59.25" customHeight="1" x14ac:dyDescent="0.15">
      <c r="C52" s="222">
        <v>18</v>
      </c>
      <c r="D52" s="245" t="s">
        <v>95</v>
      </c>
      <c r="E52" s="246"/>
      <c r="F52" s="246"/>
      <c r="G52" s="246"/>
      <c r="H52" s="246"/>
      <c r="I52" s="247"/>
      <c r="J52" s="327" t="s">
        <v>130</v>
      </c>
      <c r="K52" s="328"/>
      <c r="L52" s="328"/>
      <c r="M52" s="328"/>
      <c r="N52" s="328"/>
      <c r="O52" s="328"/>
      <c r="P52" s="328"/>
      <c r="Q52" s="328"/>
      <c r="R52" s="328"/>
      <c r="S52" s="328"/>
      <c r="T52" s="328"/>
      <c r="U52" s="328"/>
      <c r="V52" s="328"/>
      <c r="W52" s="328"/>
      <c r="X52" s="328"/>
      <c r="Y52" s="328"/>
      <c r="Z52" s="328"/>
      <c r="AA52" s="328"/>
      <c r="AB52" s="328"/>
      <c r="AC52" s="328"/>
      <c r="AD52" s="328"/>
      <c r="AE52" s="328"/>
      <c r="AF52" s="328"/>
      <c r="AG52" s="328"/>
      <c r="AH52" s="328"/>
      <c r="AI52" s="328"/>
      <c r="AJ52" s="328"/>
      <c r="AK52" s="328"/>
      <c r="AL52" s="329"/>
    </row>
    <row r="53" spans="3:38" ht="44.25" customHeight="1" x14ac:dyDescent="0.15">
      <c r="C53" s="244"/>
      <c r="D53" s="248"/>
      <c r="E53" s="249"/>
      <c r="F53" s="249"/>
      <c r="G53" s="249"/>
      <c r="H53" s="249"/>
      <c r="I53" s="250"/>
      <c r="J53" s="27"/>
      <c r="K53" s="43"/>
      <c r="L53" s="43"/>
      <c r="M53" s="43"/>
      <c r="N53" s="43"/>
      <c r="O53" s="43"/>
      <c r="P53" s="43"/>
      <c r="Q53" s="43"/>
      <c r="R53" s="43"/>
      <c r="S53" s="43"/>
      <c r="T53" s="43"/>
      <c r="U53" s="43"/>
      <c r="V53" s="43"/>
      <c r="W53" s="43"/>
      <c r="X53" s="43"/>
      <c r="Y53" s="43"/>
      <c r="Z53" s="43"/>
      <c r="AA53" s="43"/>
      <c r="AB53" s="43"/>
      <c r="AC53" s="43"/>
      <c r="AD53" s="43"/>
      <c r="AE53" s="43"/>
      <c r="AF53" s="43"/>
      <c r="AG53" s="43"/>
      <c r="AH53" s="43"/>
      <c r="AI53" s="43"/>
      <c r="AJ53" s="43"/>
      <c r="AK53" s="43"/>
      <c r="AL53" s="171"/>
    </row>
    <row r="54" spans="3:38" ht="25.5" customHeight="1" x14ac:dyDescent="0.15">
      <c r="C54" s="201">
        <v>19</v>
      </c>
      <c r="D54" s="203" t="s">
        <v>137</v>
      </c>
      <c r="E54" s="201"/>
      <c r="F54" s="201"/>
      <c r="G54" s="201"/>
      <c r="H54" s="201"/>
      <c r="I54" s="201"/>
      <c r="J54" s="330" t="s">
        <v>138</v>
      </c>
      <c r="K54" s="331"/>
      <c r="L54" s="331"/>
      <c r="M54" s="331"/>
      <c r="N54" s="331"/>
      <c r="O54" s="332"/>
      <c r="P54" s="333" t="s">
        <v>139</v>
      </c>
      <c r="Q54" s="334"/>
      <c r="R54" s="334"/>
      <c r="S54" s="334"/>
      <c r="T54" s="334"/>
      <c r="U54" s="334"/>
      <c r="V54" s="334"/>
      <c r="W54" s="334"/>
      <c r="X54" s="286" t="s">
        <v>140</v>
      </c>
      <c r="Y54" s="334"/>
      <c r="Z54" s="334"/>
      <c r="AA54" s="334"/>
      <c r="AB54" s="334"/>
      <c r="AC54" s="334"/>
      <c r="AD54" s="204" t="s">
        <v>44</v>
      </c>
      <c r="AE54" s="206" t="s">
        <v>141</v>
      </c>
      <c r="AF54" s="206"/>
      <c r="AG54" s="208" t="s">
        <v>44</v>
      </c>
      <c r="AH54" s="208" t="s">
        <v>100</v>
      </c>
      <c r="AI54" s="206"/>
      <c r="AJ54" s="206"/>
      <c r="AK54" s="206"/>
      <c r="AL54" s="209"/>
    </row>
    <row r="55" spans="3:38" ht="25.5" customHeight="1" x14ac:dyDescent="0.15">
      <c r="C55" s="202"/>
      <c r="D55" s="202"/>
      <c r="E55" s="202"/>
      <c r="F55" s="202"/>
      <c r="G55" s="202"/>
      <c r="H55" s="202"/>
      <c r="I55" s="202"/>
      <c r="J55" s="215"/>
      <c r="K55" s="335"/>
      <c r="L55" s="335"/>
      <c r="M55" s="335"/>
      <c r="N55" s="335"/>
      <c r="O55" s="336"/>
      <c r="P55" s="217"/>
      <c r="Q55" s="218"/>
      <c r="R55" s="87" t="s">
        <v>15</v>
      </c>
      <c r="S55" s="95"/>
      <c r="T55" s="87" t="s">
        <v>17</v>
      </c>
      <c r="U55" s="219"/>
      <c r="V55" s="220"/>
      <c r="W55" s="109" t="s">
        <v>19</v>
      </c>
      <c r="X55" s="216"/>
      <c r="Y55" s="221"/>
      <c r="Z55" s="221"/>
      <c r="AA55" s="221"/>
      <c r="AB55" s="221"/>
      <c r="AC55" s="221"/>
      <c r="AD55" s="205"/>
      <c r="AE55" s="207"/>
      <c r="AF55" s="207"/>
      <c r="AG55" s="207"/>
      <c r="AH55" s="207"/>
      <c r="AI55" s="207"/>
      <c r="AJ55" s="207"/>
      <c r="AK55" s="207"/>
      <c r="AL55" s="210"/>
    </row>
    <row r="56" spans="3:38" ht="25.5" customHeight="1" x14ac:dyDescent="0.15">
      <c r="C56" s="202"/>
      <c r="D56" s="202"/>
      <c r="E56" s="202"/>
      <c r="F56" s="202"/>
      <c r="G56" s="202"/>
      <c r="H56" s="202"/>
      <c r="I56" s="202"/>
      <c r="J56" s="222" t="s">
        <v>142</v>
      </c>
      <c r="K56" s="223"/>
      <c r="L56" s="223"/>
      <c r="M56" s="223"/>
      <c r="N56" s="223"/>
      <c r="O56" s="223"/>
      <c r="P56" s="222" t="s">
        <v>139</v>
      </c>
      <c r="Q56" s="224"/>
      <c r="R56" s="224"/>
      <c r="S56" s="224"/>
      <c r="T56" s="224"/>
      <c r="U56" s="224"/>
      <c r="V56" s="224"/>
      <c r="W56" s="224"/>
      <c r="X56" s="223" t="s">
        <v>140</v>
      </c>
      <c r="Y56" s="224"/>
      <c r="Z56" s="224"/>
      <c r="AA56" s="224"/>
      <c r="AB56" s="224"/>
      <c r="AC56" s="224"/>
      <c r="AD56" s="211" t="s">
        <v>44</v>
      </c>
      <c r="AE56" s="212" t="s">
        <v>141</v>
      </c>
      <c r="AF56" s="212"/>
      <c r="AG56" s="213" t="s">
        <v>44</v>
      </c>
      <c r="AH56" s="213" t="s">
        <v>100</v>
      </c>
      <c r="AI56" s="212"/>
      <c r="AJ56" s="212"/>
      <c r="AK56" s="212"/>
      <c r="AL56" s="214"/>
    </row>
    <row r="57" spans="3:38" ht="25.5" customHeight="1" x14ac:dyDescent="0.15">
      <c r="C57" s="202"/>
      <c r="D57" s="202"/>
      <c r="E57" s="202"/>
      <c r="F57" s="202"/>
      <c r="G57" s="202"/>
      <c r="H57" s="202"/>
      <c r="I57" s="202"/>
      <c r="J57" s="215"/>
      <c r="K57" s="216"/>
      <c r="L57" s="216"/>
      <c r="M57" s="216"/>
      <c r="N57" s="216"/>
      <c r="O57" s="216"/>
      <c r="P57" s="217"/>
      <c r="Q57" s="218"/>
      <c r="R57" s="87" t="s">
        <v>15</v>
      </c>
      <c r="S57" s="95"/>
      <c r="T57" s="87" t="s">
        <v>17</v>
      </c>
      <c r="U57" s="219"/>
      <c r="V57" s="220"/>
      <c r="W57" s="109" t="s">
        <v>19</v>
      </c>
      <c r="X57" s="216"/>
      <c r="Y57" s="221"/>
      <c r="Z57" s="221"/>
      <c r="AA57" s="221"/>
      <c r="AB57" s="221"/>
      <c r="AC57" s="221"/>
      <c r="AD57" s="205"/>
      <c r="AE57" s="207"/>
      <c r="AF57" s="207"/>
      <c r="AG57" s="207"/>
      <c r="AH57" s="207"/>
      <c r="AI57" s="207"/>
      <c r="AJ57" s="207"/>
      <c r="AK57" s="207"/>
      <c r="AL57" s="210"/>
    </row>
    <row r="58" spans="3:38" ht="25.5" customHeight="1" x14ac:dyDescent="0.15">
      <c r="C58" s="202"/>
      <c r="D58" s="202"/>
      <c r="E58" s="202"/>
      <c r="F58" s="202"/>
      <c r="G58" s="202"/>
      <c r="H58" s="202"/>
      <c r="I58" s="202"/>
      <c r="J58" s="222" t="s">
        <v>142</v>
      </c>
      <c r="K58" s="223"/>
      <c r="L58" s="223"/>
      <c r="M58" s="223"/>
      <c r="N58" s="223"/>
      <c r="O58" s="223"/>
      <c r="P58" s="222" t="s">
        <v>139</v>
      </c>
      <c r="Q58" s="224"/>
      <c r="R58" s="224"/>
      <c r="S58" s="224"/>
      <c r="T58" s="224"/>
      <c r="U58" s="224"/>
      <c r="V58" s="224"/>
      <c r="W58" s="224"/>
      <c r="X58" s="223" t="s">
        <v>140</v>
      </c>
      <c r="Y58" s="224"/>
      <c r="Z58" s="224"/>
      <c r="AA58" s="224"/>
      <c r="AB58" s="224"/>
      <c r="AC58" s="224"/>
      <c r="AD58" s="211" t="s">
        <v>44</v>
      </c>
      <c r="AE58" s="212" t="s">
        <v>141</v>
      </c>
      <c r="AF58" s="212"/>
      <c r="AG58" s="213" t="s">
        <v>44</v>
      </c>
      <c r="AH58" s="213" t="s">
        <v>100</v>
      </c>
      <c r="AI58" s="212"/>
      <c r="AJ58" s="212"/>
      <c r="AK58" s="212"/>
      <c r="AL58" s="214"/>
    </row>
    <row r="59" spans="3:38" ht="25.5" customHeight="1" x14ac:dyDescent="0.15">
      <c r="C59" s="202"/>
      <c r="D59" s="202"/>
      <c r="E59" s="202"/>
      <c r="F59" s="202"/>
      <c r="G59" s="202"/>
      <c r="H59" s="202"/>
      <c r="I59" s="202"/>
      <c r="J59" s="215"/>
      <c r="K59" s="216"/>
      <c r="L59" s="216"/>
      <c r="M59" s="216"/>
      <c r="N59" s="216"/>
      <c r="O59" s="216"/>
      <c r="P59" s="217"/>
      <c r="Q59" s="218"/>
      <c r="R59" s="87" t="s">
        <v>15</v>
      </c>
      <c r="S59" s="95"/>
      <c r="T59" s="87" t="s">
        <v>17</v>
      </c>
      <c r="U59" s="219"/>
      <c r="V59" s="220"/>
      <c r="W59" s="109" t="s">
        <v>19</v>
      </c>
      <c r="X59" s="216"/>
      <c r="Y59" s="221"/>
      <c r="Z59" s="221"/>
      <c r="AA59" s="221"/>
      <c r="AB59" s="221"/>
      <c r="AC59" s="221"/>
      <c r="AD59" s="205"/>
      <c r="AE59" s="207"/>
      <c r="AF59" s="207"/>
      <c r="AG59" s="207"/>
      <c r="AH59" s="207"/>
      <c r="AI59" s="207"/>
      <c r="AJ59" s="207"/>
      <c r="AK59" s="207"/>
      <c r="AL59" s="210"/>
    </row>
    <row r="60" spans="3:38" ht="25.5" customHeight="1" x14ac:dyDescent="0.15">
      <c r="C60" s="12"/>
      <c r="D60" s="15"/>
      <c r="E60" s="15"/>
      <c r="F60" s="15"/>
      <c r="G60" s="15"/>
      <c r="H60" s="15"/>
      <c r="I60" s="15"/>
      <c r="J60" s="28"/>
      <c r="K60" s="28"/>
      <c r="L60" s="28"/>
      <c r="M60" s="28"/>
      <c r="N60" s="28"/>
      <c r="O60" s="28"/>
      <c r="P60" s="28"/>
      <c r="Q60" s="28"/>
      <c r="R60" s="28"/>
      <c r="S60" s="28"/>
      <c r="T60" s="28"/>
      <c r="U60" s="28"/>
      <c r="V60" s="28"/>
      <c r="W60" s="28"/>
      <c r="X60" s="28"/>
      <c r="Y60" s="28"/>
      <c r="Z60" s="28"/>
      <c r="AA60" s="28"/>
      <c r="AB60" s="28"/>
      <c r="AC60" s="28"/>
      <c r="AD60" s="28"/>
      <c r="AE60" s="28"/>
      <c r="AF60" s="28"/>
      <c r="AG60" s="28"/>
      <c r="AH60" s="28"/>
      <c r="AI60" s="28"/>
      <c r="AJ60" s="28"/>
      <c r="AK60" s="295" t="s">
        <v>222</v>
      </c>
      <c r="AL60" s="295"/>
    </row>
    <row r="61" spans="3:38" ht="25.5" customHeight="1" x14ac:dyDescent="0.15">
      <c r="C61" s="13"/>
      <c r="J61" s="29"/>
      <c r="K61" s="29"/>
      <c r="L61" s="29"/>
      <c r="M61" s="29"/>
      <c r="N61" s="29"/>
      <c r="O61" s="29"/>
      <c r="P61" s="29"/>
      <c r="Q61" s="29"/>
      <c r="R61" s="29"/>
      <c r="S61" s="29"/>
      <c r="T61" s="29"/>
      <c r="U61" s="29"/>
      <c r="V61" s="29"/>
      <c r="W61" s="29"/>
      <c r="X61" s="29"/>
      <c r="Y61" s="29"/>
      <c r="Z61" s="29"/>
      <c r="AA61" s="29"/>
      <c r="AB61" s="29"/>
      <c r="AC61" s="29"/>
      <c r="AD61" s="29"/>
      <c r="AE61" s="29"/>
      <c r="AF61" s="29"/>
      <c r="AG61" s="29"/>
      <c r="AH61" s="29"/>
      <c r="AI61" s="29"/>
      <c r="AJ61" s="29"/>
      <c r="AK61" s="29"/>
      <c r="AL61" s="29"/>
    </row>
    <row r="62" spans="3:38" x14ac:dyDescent="0.15">
      <c r="C62" s="296"/>
      <c r="D62" s="296"/>
      <c r="E62" s="296"/>
      <c r="F62" s="296"/>
      <c r="G62" s="296"/>
      <c r="H62" s="296"/>
      <c r="I62" s="296"/>
      <c r="J62" s="296"/>
      <c r="K62" s="296"/>
      <c r="L62" s="296"/>
      <c r="M62" s="296"/>
      <c r="N62" s="296"/>
      <c r="O62" s="296"/>
      <c r="P62" s="296"/>
      <c r="Q62" s="296"/>
      <c r="R62" s="296"/>
      <c r="S62" s="296"/>
      <c r="T62" s="296"/>
      <c r="U62" s="296"/>
      <c r="V62" s="296"/>
      <c r="W62" s="296"/>
      <c r="X62" s="296"/>
      <c r="Y62" s="296"/>
      <c r="Z62" s="296"/>
      <c r="AA62" s="296"/>
      <c r="AB62" s="296"/>
      <c r="AC62" s="296"/>
      <c r="AD62" s="296"/>
      <c r="AE62" s="296"/>
      <c r="AF62" s="296"/>
      <c r="AG62" s="296"/>
      <c r="AH62" s="296"/>
      <c r="AI62" s="296"/>
      <c r="AJ62" s="296"/>
      <c r="AK62" s="296"/>
      <c r="AL62" s="296"/>
    </row>
  </sheetData>
  <mergeCells count="245">
    <mergeCell ref="C1:AK1"/>
    <mergeCell ref="C2:J2"/>
    <mergeCell ref="L2:AL2"/>
    <mergeCell ref="Z3:AA3"/>
    <mergeCell ref="AB3:AE3"/>
    <mergeCell ref="AG3:AH3"/>
    <mergeCell ref="AJ3:AK3"/>
    <mergeCell ref="W4:Z4"/>
    <mergeCell ref="AA4:AL4"/>
    <mergeCell ref="W5:Z5"/>
    <mergeCell ref="AA5:AL5"/>
    <mergeCell ref="C6:P6"/>
    <mergeCell ref="W6:Z6"/>
    <mergeCell ref="AA6:AL6"/>
    <mergeCell ref="C7:E7"/>
    <mergeCell ref="F7:G7"/>
    <mergeCell ref="H7:I7"/>
    <mergeCell ref="K7:L7"/>
    <mergeCell ref="N7:O7"/>
    <mergeCell ref="W7:Y7"/>
    <mergeCell ref="AA7:AC7"/>
    <mergeCell ref="AE7:AH7"/>
    <mergeCell ref="AJ7:AL7"/>
    <mergeCell ref="C8:F8"/>
    <mergeCell ref="G8:P8"/>
    <mergeCell ref="W8:Z8"/>
    <mergeCell ref="AA8:AL8"/>
    <mergeCell ref="C9:F9"/>
    <mergeCell ref="G9:H9"/>
    <mergeCell ref="J9:L9"/>
    <mergeCell ref="N9:P9"/>
    <mergeCell ref="W9:Z9"/>
    <mergeCell ref="AA9:AC9"/>
    <mergeCell ref="AE9:AH9"/>
    <mergeCell ref="AJ9:AL9"/>
    <mergeCell ref="W10:AL10"/>
    <mergeCell ref="D13:I13"/>
    <mergeCell ref="J13:AL13"/>
    <mergeCell ref="AA17:AI17"/>
    <mergeCell ref="D18:I18"/>
    <mergeCell ref="J18:AA18"/>
    <mergeCell ref="D19:I19"/>
    <mergeCell ref="J19:AA19"/>
    <mergeCell ref="AB19:AD19"/>
    <mergeCell ref="AE19:AG19"/>
    <mergeCell ref="D20:I20"/>
    <mergeCell ref="N20:T20"/>
    <mergeCell ref="U20:V20"/>
    <mergeCell ref="AC20:AD20"/>
    <mergeCell ref="J21:M21"/>
    <mergeCell ref="N21:AL21"/>
    <mergeCell ref="J22:M22"/>
    <mergeCell ref="N22:AL22"/>
    <mergeCell ref="AE24:AK24"/>
    <mergeCell ref="V25:W25"/>
    <mergeCell ref="X25:Y25"/>
    <mergeCell ref="Z25:AA25"/>
    <mergeCell ref="AB25:AC25"/>
    <mergeCell ref="AE25:AG25"/>
    <mergeCell ref="AH25:AI25"/>
    <mergeCell ref="J28:O28"/>
    <mergeCell ref="P28:Q28"/>
    <mergeCell ref="R28:T28"/>
    <mergeCell ref="V28:AA28"/>
    <mergeCell ref="AB28:AC28"/>
    <mergeCell ref="AD28:AF28"/>
    <mergeCell ref="AH28:AJ28"/>
    <mergeCell ref="U31:V31"/>
    <mergeCell ref="X31:Y31"/>
    <mergeCell ref="AD31:AE31"/>
    <mergeCell ref="T32:U32"/>
    <mergeCell ref="V32:W32"/>
    <mergeCell ref="X32:Y32"/>
    <mergeCell ref="AD32:AE32"/>
    <mergeCell ref="J29:K29"/>
    <mergeCell ref="L29:M29"/>
    <mergeCell ref="O29:P29"/>
    <mergeCell ref="U29:V29"/>
    <mergeCell ref="X29:Y29"/>
    <mergeCell ref="AD29:AE29"/>
    <mergeCell ref="J30:K30"/>
    <mergeCell ref="L30:M30"/>
    <mergeCell ref="O30:P30"/>
    <mergeCell ref="U30:V30"/>
    <mergeCell ref="X30:Y30"/>
    <mergeCell ref="AD30:AE30"/>
    <mergeCell ref="AG32:AJ32"/>
    <mergeCell ref="J34:M34"/>
    <mergeCell ref="T34:U34"/>
    <mergeCell ref="V34:W34"/>
    <mergeCell ref="X34:AL34"/>
    <mergeCell ref="J35:M35"/>
    <mergeCell ref="N35:O35"/>
    <mergeCell ref="Q35:R35"/>
    <mergeCell ref="U35:V35"/>
    <mergeCell ref="X35:Y35"/>
    <mergeCell ref="AD35:AE35"/>
    <mergeCell ref="AJ36:AL36"/>
    <mergeCell ref="J37:K37"/>
    <mergeCell ref="L37:M37"/>
    <mergeCell ref="N37:O37"/>
    <mergeCell ref="P37:R37"/>
    <mergeCell ref="S37:T37"/>
    <mergeCell ref="U37:V37"/>
    <mergeCell ref="W37:X37"/>
    <mergeCell ref="Y37:AA37"/>
    <mergeCell ref="AB37:AC37"/>
    <mergeCell ref="AD37:AE37"/>
    <mergeCell ref="AF37:AG37"/>
    <mergeCell ref="AH37:AJ37"/>
    <mergeCell ref="AK37:AL37"/>
    <mergeCell ref="J36:K36"/>
    <mergeCell ref="L36:M36"/>
    <mergeCell ref="O36:P36"/>
    <mergeCell ref="S36:T36"/>
    <mergeCell ref="U36:V36"/>
    <mergeCell ref="X36:Y36"/>
    <mergeCell ref="AB36:AC36"/>
    <mergeCell ref="AD36:AE36"/>
    <mergeCell ref="AG36:AH36"/>
    <mergeCell ref="J39:K39"/>
    <mergeCell ref="L39:M39"/>
    <mergeCell ref="O39:P39"/>
    <mergeCell ref="R39:S39"/>
    <mergeCell ref="V39:W39"/>
    <mergeCell ref="Y39:Z39"/>
    <mergeCell ref="AB39:AC39"/>
    <mergeCell ref="AE39:AF39"/>
    <mergeCell ref="AH39:AL39"/>
    <mergeCell ref="J41:K41"/>
    <mergeCell ref="L41:M41"/>
    <mergeCell ref="T41:U41"/>
    <mergeCell ref="S42:T42"/>
    <mergeCell ref="AE42:AK42"/>
    <mergeCell ref="J43:K43"/>
    <mergeCell ref="L43:M43"/>
    <mergeCell ref="T43:U43"/>
    <mergeCell ref="D44:I44"/>
    <mergeCell ref="Q44:R44"/>
    <mergeCell ref="T44:U44"/>
    <mergeCell ref="W44:X44"/>
    <mergeCell ref="Z44:AL44"/>
    <mergeCell ref="S45:T45"/>
    <mergeCell ref="U45:V45"/>
    <mergeCell ref="AC45:AD45"/>
    <mergeCell ref="J46:M46"/>
    <mergeCell ref="N46:O46"/>
    <mergeCell ref="Q46:R46"/>
    <mergeCell ref="U46:V46"/>
    <mergeCell ref="X46:Y46"/>
    <mergeCell ref="AD46:AE46"/>
    <mergeCell ref="W51:X51"/>
    <mergeCell ref="Z51:AA51"/>
    <mergeCell ref="AC51:AD51"/>
    <mergeCell ref="AF51:AH51"/>
    <mergeCell ref="J52:AL52"/>
    <mergeCell ref="J54:O54"/>
    <mergeCell ref="P54:W54"/>
    <mergeCell ref="X54:AC54"/>
    <mergeCell ref="J55:O55"/>
    <mergeCell ref="P55:Q55"/>
    <mergeCell ref="U55:V55"/>
    <mergeCell ref="X55:AC55"/>
    <mergeCell ref="J51:K51"/>
    <mergeCell ref="M51:N51"/>
    <mergeCell ref="P51:Q51"/>
    <mergeCell ref="T51:U51"/>
    <mergeCell ref="AK60:AL60"/>
    <mergeCell ref="C62:AL62"/>
    <mergeCell ref="C3:V5"/>
    <mergeCell ref="C14:C17"/>
    <mergeCell ref="D14:I17"/>
    <mergeCell ref="C18:C19"/>
    <mergeCell ref="C21:C22"/>
    <mergeCell ref="D21:I22"/>
    <mergeCell ref="C23:C24"/>
    <mergeCell ref="D23:I24"/>
    <mergeCell ref="T25:U27"/>
    <mergeCell ref="J26:J27"/>
    <mergeCell ref="K26:K27"/>
    <mergeCell ref="L26:L27"/>
    <mergeCell ref="M26:M27"/>
    <mergeCell ref="N26:N27"/>
    <mergeCell ref="O26:O27"/>
    <mergeCell ref="P26:P27"/>
    <mergeCell ref="Q26:S27"/>
    <mergeCell ref="X26:AF27"/>
    <mergeCell ref="J56:O56"/>
    <mergeCell ref="P56:W56"/>
    <mergeCell ref="X56:AC56"/>
    <mergeCell ref="J57:O57"/>
    <mergeCell ref="D32:I35"/>
    <mergeCell ref="J32:M33"/>
    <mergeCell ref="N32:N33"/>
    <mergeCell ref="O32:O33"/>
    <mergeCell ref="P32:P33"/>
    <mergeCell ref="Q32:Q33"/>
    <mergeCell ref="R32:R33"/>
    <mergeCell ref="C36:C37"/>
    <mergeCell ref="D36:I37"/>
    <mergeCell ref="C25:C35"/>
    <mergeCell ref="D25:I31"/>
    <mergeCell ref="J31:K31"/>
    <mergeCell ref="L31:M31"/>
    <mergeCell ref="O31:P31"/>
    <mergeCell ref="Q25:S25"/>
    <mergeCell ref="C38:C39"/>
    <mergeCell ref="D38:I39"/>
    <mergeCell ref="C40:C41"/>
    <mergeCell ref="D40:I41"/>
    <mergeCell ref="C42:C43"/>
    <mergeCell ref="D42:I43"/>
    <mergeCell ref="C45:C46"/>
    <mergeCell ref="D45:I46"/>
    <mergeCell ref="C52:C53"/>
    <mergeCell ref="D52:I53"/>
    <mergeCell ref="D47:I47"/>
    <mergeCell ref="D48:I48"/>
    <mergeCell ref="D49:I49"/>
    <mergeCell ref="D50:I50"/>
    <mergeCell ref="D51:I51"/>
    <mergeCell ref="C54:C59"/>
    <mergeCell ref="D54:I59"/>
    <mergeCell ref="AD54:AD55"/>
    <mergeCell ref="AE54:AF55"/>
    <mergeCell ref="AG54:AG55"/>
    <mergeCell ref="AH54:AL55"/>
    <mergeCell ref="AD56:AD57"/>
    <mergeCell ref="AE56:AF57"/>
    <mergeCell ref="AG56:AG57"/>
    <mergeCell ref="AH56:AL57"/>
    <mergeCell ref="AD58:AD59"/>
    <mergeCell ref="AE58:AF59"/>
    <mergeCell ref="AG58:AG59"/>
    <mergeCell ref="AH58:AL59"/>
    <mergeCell ref="J59:O59"/>
    <mergeCell ref="P59:Q59"/>
    <mergeCell ref="U59:V59"/>
    <mergeCell ref="X59:AC59"/>
    <mergeCell ref="P57:Q57"/>
    <mergeCell ref="U57:V57"/>
    <mergeCell ref="X57:AC57"/>
    <mergeCell ref="J58:O58"/>
    <mergeCell ref="P58:W58"/>
    <mergeCell ref="X58:AC58"/>
  </mergeCells>
  <phoneticPr fontId="3"/>
  <dataValidations count="4">
    <dataValidation type="custom" operator="lessThanOrEqual" allowBlank="1" showInputMessage="1" showErrorMessage="1" sqref="N37:O37 W37:X37 AF37:AG37 AD29:AE33 AD35:AE35" xr:uid="{00000000-0002-0000-0000-000000000000}">
      <formula1>744</formula1>
    </dataValidation>
    <dataValidation type="list" allowBlank="1" showInputMessage="1" showErrorMessage="1" sqref="AB45 AB35:AC35" xr:uid="{00000000-0002-0000-0000-000001000000}">
      <formula1>"01,02,03,04,05,06,07,08,09,10,11,12,13,14,15,16,17,18,19,20,21,22,23,24,25,26,27,28,29,30,31"</formula1>
    </dataValidation>
    <dataValidation imeMode="halfAlpha" allowBlank="1" showInputMessage="1" showErrorMessage="1" sqref="S34 P34" xr:uid="{00000000-0002-0000-0000-000002000000}"/>
    <dataValidation operator="greaterThanOrEqual" allowBlank="1" showInputMessage="1" showErrorMessage="1" sqref="AA7:AB7" xr:uid="{00000000-0002-0000-0000-000003000000}"/>
  </dataValidations>
  <hyperlinks>
    <hyperlink ref="D14:I17" location="記入要綱!A1" display="業種" xr:uid="{00000000-0004-0000-0000-000000000000}"/>
  </hyperlinks>
  <printOptions horizontalCentered="1"/>
  <pageMargins left="0.62992125984251968" right="0.51181102362204722" top="0.47244094488188981" bottom="0.19685039370078741" header="0.31496062992125984" footer="0.31496062992125984"/>
  <pageSetup paperSize="9" scale="50" orientation="portrait" r:id="rId1"/>
  <drawing r:id="rId2"/>
  <extLst>
    <ext xmlns:x14="http://schemas.microsoft.com/office/spreadsheetml/2009/9/main" uri="{CCE6A557-97BC-4b89-ADB6-D9C93CAAB3DF}">
      <x14:dataValidations xmlns:xm="http://schemas.microsoft.com/office/excel/2006/main" count="15">
        <x14:dataValidation type="list" allowBlank="1" showInputMessage="1" showErrorMessage="1" xr:uid="{00000000-0002-0000-0000-000004000000}">
          <x14:formula1>
            <xm:f>プルダウンリスト!$H$2:$H$32</xm:f>
          </x14:formula1>
          <xm:sqref>Z20 R39:S39 W44:X44 AK19 Q43 Z45 Y41 AJ3:AK3 AH20 AE39:AF39 R28:T28 S37 J37 W46 AB37 AH45 Q41 Y43 P51:Q51 AC51:AD51 U55:V55 U57:V57 U59:V59</xm:sqref>
        </x14:dataValidation>
        <x14:dataValidation type="list" allowBlank="1" showInputMessage="1" showErrorMessage="1" xr:uid="{00000000-0002-0000-0000-000005000000}">
          <x14:formula1>
            <xm:f>プルダウンリスト!$G$2:$G$13</xm:f>
          </x14:formula1>
          <xm:sqref>AB39:AC39 X20 AF20 O39:P39 W43 Z51:AA51 X36:Y36 AG36:AH36 AG3:AH3 AF45 S35:T35 O36:P36 T44:U44 O41 S46:T46 X45 W41 O43 S59 M51:N51 S55 S57 AI19</xm:sqref>
        </x14:dataValidation>
        <x14:dataValidation type="list" allowBlank="1" showInputMessage="1" showErrorMessage="1" xr:uid="{00000000-0002-0000-0000-000006000000}">
          <x14:formula1>
            <xm:f>プルダウンリスト!$C$2:$C$31</xm:f>
          </x14:formula1>
          <xm:sqref>P46 AC20:AD20</xm:sqref>
        </x14:dataValidation>
        <x14:dataValidation type="list" allowBlank="1" showInputMessage="1" showErrorMessage="1" xr:uid="{00000000-0002-0000-0000-000007000000}">
          <x14:formula1>
            <xm:f>プルダウンリスト!$K$2:$K$61</xm:f>
          </x14:formula1>
          <xm:sqref>O29:P31 Q46:R46 X46:Y46 X35:Y35 AB25 Q35:R35 X29:Y32</xm:sqref>
        </x14:dataValidation>
        <x14:dataValidation type="list" allowBlank="1" showInputMessage="1" showErrorMessage="1" xr:uid="{00000000-0002-0000-0000-000008000000}">
          <x14:formula1>
            <xm:f>プルダウンリスト!$H$2:$H$8</xm:f>
          </x14:formula1>
          <xm:sqref>AD28:AF28</xm:sqref>
        </x14:dataValidation>
        <x14:dataValidation type="list" imeMode="halfAlpha" allowBlank="1" showInputMessage="1" showErrorMessage="1" xr:uid="{00000000-0002-0000-0000-000009000000}">
          <x14:formula1>
            <xm:f>プルダウンリスト!$H$2:$H$32</xm:f>
          </x14:formula1>
          <xm:sqref>T34:U34</xm:sqref>
        </x14:dataValidation>
        <x14:dataValidation type="list" allowBlank="1" showInputMessage="1" showErrorMessage="1" xr:uid="{00000000-0002-0000-0000-00000A000000}">
          <x14:formula1>
            <xm:f>プルダウンリスト!$I$2:$I$25</xm:f>
          </x14:formula1>
          <xm:sqref>U29:V31 N35:O35 L29:M31 N46:O46</xm:sqref>
        </x14:dataValidation>
        <x14:dataValidation type="list" allowBlank="1" showInputMessage="1" showErrorMessage="1" xr:uid="{00000000-0002-0000-0000-00000B000000}">
          <x14:formula1>
            <xm:f>プルダウンリスト!$F$2:$F$55</xm:f>
          </x14:formula1>
          <xm:sqref>U20:V20 Y39:Z39 T41:U41 AC45:AD45 W51:X51</xm:sqref>
        </x14:dataValidation>
        <x14:dataValidation type="list" allowBlank="1" showInputMessage="1" showErrorMessage="1" xr:uid="{00000000-0002-0000-0000-00000C000000}">
          <x14:formula1>
            <xm:f>プルダウンリスト!$E$7:$E$107</xm:f>
          </x14:formula1>
          <xm:sqref>AD36:AE36 L36:M36 U36:V36</xm:sqref>
        </x14:dataValidation>
        <x14:dataValidation type="list" allowBlank="1" showInputMessage="1" showErrorMessage="1" xr:uid="{00000000-0002-0000-0000-00000D000000}">
          <x14:formula1>
            <xm:f>プルダウンリスト!$F$2:$F$54</xm:f>
          </x14:formula1>
          <xm:sqref>L39:M39 T43:U43 L43:M43 L41:M41 Q44:R44 U45:V45 J51:K51</xm:sqref>
        </x14:dataValidation>
        <x14:dataValidation type="list" allowBlank="1" showInputMessage="1" showErrorMessage="1" xr:uid="{00000000-0002-0000-0000-00000E000000}">
          <x14:formula1>
            <xm:f>プルダウンリスト!$F$16:$F$18</xm:f>
          </x14:formula1>
          <xm:sqref>AB3:AE3</xm:sqref>
        </x14:dataValidation>
        <x14:dataValidation type="list" allowBlank="1" showInputMessage="1" showErrorMessage="1" xr:uid="{00000000-0002-0000-0000-00000F000000}">
          <x14:formula1>
            <xm:f>プルダウンリスト!$E$2:$E$113</xm:f>
          </x14:formula1>
          <xm:sqref>AE19:AG19</xm:sqref>
        </x14:dataValidation>
        <x14:dataValidation type="list" allowBlank="1" showInputMessage="1" showErrorMessage="1" xr:uid="{00000000-0002-0000-0000-000010000000}">
          <x14:formula1>
            <xm:f>プルダウンリスト!$I$2:$I$31</xm:f>
          </x14:formula1>
          <xm:sqref>U35:V35 U46:V46</xm:sqref>
        </x14:dataValidation>
        <x14:dataValidation type="list" allowBlank="1" showInputMessage="1" showErrorMessage="1" xr:uid="{00000000-0002-0000-0000-000011000000}">
          <x14:formula1>
            <xm:f>プルダウンリスト!$M$2:$M$3</xm:f>
          </x14:formula1>
          <xm:sqref>J14:J17 N14:N15 R14:R16 X14:X17 AA14 AF14:AF15 AG16 T17 O17 J20 L20 Q48 J23:J24 M23:M24 R23:R24 U23 X23:X24 AH23 V24 AB24 J26:Q26 N34 P40 J40 M42 P42 J42 M40 M38 J38 M44:M45 J44:J45 U42 Y42 AB42 J47:J50 L47:L50 O47:O50 AC23 AG54 AD54 AG56 AD56 AG58 AD58 N32 Q32 Q34</xm:sqref>
        </x14:dataValidation>
        <x14:dataValidation type="list" allowBlank="1" showInputMessage="1" showErrorMessage="1" xr:uid="{00000000-0002-0000-0000-000012000000}">
          <x14:formula1>
            <xm:f>プルダウンリスト!$D$2:$D$25</xm:f>
          </x14:formula1>
          <xm:sqref>P55:Q55 P57:Q57 P59:Q5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4">
    <pageSetUpPr fitToPage="1"/>
  </sheetPr>
  <dimension ref="A1:M128"/>
  <sheetViews>
    <sheetView view="pageBreakPreview" topLeftCell="A9" zoomScaleSheetLayoutView="100" workbookViewId="0">
      <selection activeCell="D7" sqref="D7"/>
    </sheetView>
  </sheetViews>
  <sheetFormatPr defaultRowHeight="13.5" x14ac:dyDescent="0.15"/>
  <cols>
    <col min="1" max="1" width="21.5" customWidth="1"/>
    <col min="2" max="2" width="30.125" customWidth="1"/>
    <col min="3" max="3" width="8.5" customWidth="1"/>
    <col min="4" max="4" width="9.25" bestFit="1" customWidth="1"/>
    <col min="5" max="5" width="10.25" bestFit="1" customWidth="1"/>
    <col min="6" max="6" width="10.25" customWidth="1"/>
    <col min="13" max="13" width="15.75" bestFit="1" customWidth="1"/>
  </cols>
  <sheetData>
    <row r="1" spans="1:13" x14ac:dyDescent="0.15">
      <c r="A1" t="s">
        <v>143</v>
      </c>
      <c r="B1" t="s">
        <v>144</v>
      </c>
      <c r="C1" t="s">
        <v>15</v>
      </c>
      <c r="D1" s="1" t="s">
        <v>139</v>
      </c>
      <c r="E1" t="s">
        <v>146</v>
      </c>
      <c r="F1" t="s">
        <v>147</v>
      </c>
      <c r="G1" t="s">
        <v>148</v>
      </c>
      <c r="H1" t="s">
        <v>81</v>
      </c>
      <c r="I1" t="s">
        <v>102</v>
      </c>
      <c r="J1" t="s">
        <v>93</v>
      </c>
      <c r="K1" t="s">
        <v>93</v>
      </c>
      <c r="L1" t="s">
        <v>149</v>
      </c>
      <c r="M1" s="176" t="s">
        <v>150</v>
      </c>
    </row>
    <row r="2" spans="1:13" ht="18.75" customHeight="1" x14ac:dyDescent="0.15">
      <c r="A2" s="1"/>
      <c r="B2" s="172"/>
      <c r="C2" s="174">
        <f ca="1">YEAR(TODAY())</f>
        <v>2026</v>
      </c>
      <c r="D2" s="177">
        <v>2030</v>
      </c>
      <c r="E2" s="177">
        <v>2030</v>
      </c>
      <c r="F2" s="174">
        <f t="shared" ref="F2:F17" ca="1" si="0">F3+1</f>
        <v>2042</v>
      </c>
      <c r="G2" s="177">
        <v>1</v>
      </c>
      <c r="H2" s="177">
        <v>1</v>
      </c>
      <c r="I2" s="177">
        <v>0</v>
      </c>
      <c r="J2" s="175">
        <v>1</v>
      </c>
      <c r="K2" s="175">
        <v>0</v>
      </c>
      <c r="L2" s="180">
        <v>15</v>
      </c>
      <c r="M2" s="176" t="s">
        <v>44</v>
      </c>
    </row>
    <row r="3" spans="1:13" ht="18.75" customHeight="1" x14ac:dyDescent="0.15">
      <c r="A3" s="1"/>
      <c r="B3" s="172"/>
      <c r="C3" s="174">
        <f t="shared" ref="C3:C31" ca="1" si="1">C2+1</f>
        <v>2027</v>
      </c>
      <c r="D3" s="177">
        <v>2029</v>
      </c>
      <c r="E3" s="177">
        <v>2029</v>
      </c>
      <c r="F3" s="174">
        <f t="shared" ca="1" si="0"/>
        <v>2041</v>
      </c>
      <c r="G3" s="177">
        <v>2</v>
      </c>
      <c r="H3" s="177">
        <v>2</v>
      </c>
      <c r="I3" s="177">
        <v>1</v>
      </c>
      <c r="J3" s="175">
        <v>2</v>
      </c>
      <c r="K3" s="175">
        <v>1</v>
      </c>
      <c r="L3" s="180">
        <v>30</v>
      </c>
      <c r="M3" s="176" t="s">
        <v>152</v>
      </c>
    </row>
    <row r="4" spans="1:13" ht="18.75" customHeight="1" x14ac:dyDescent="0.15">
      <c r="A4" s="1"/>
      <c r="B4" s="172"/>
      <c r="C4" s="174">
        <f t="shared" ca="1" si="1"/>
        <v>2028</v>
      </c>
      <c r="D4" s="177">
        <v>2028</v>
      </c>
      <c r="E4" s="177">
        <v>2028</v>
      </c>
      <c r="F4" s="174">
        <f t="shared" ca="1" si="0"/>
        <v>2040</v>
      </c>
      <c r="G4" s="177">
        <v>3</v>
      </c>
      <c r="H4" s="177">
        <v>3</v>
      </c>
      <c r="I4" s="177">
        <v>2</v>
      </c>
      <c r="J4" s="175">
        <v>3</v>
      </c>
      <c r="K4" s="175">
        <v>2</v>
      </c>
      <c r="L4" s="176">
        <v>45</v>
      </c>
    </row>
    <row r="5" spans="1:13" ht="18.75" customHeight="1" x14ac:dyDescent="0.15">
      <c r="A5" s="1"/>
      <c r="B5" s="172"/>
      <c r="C5" s="174">
        <f t="shared" ca="1" si="1"/>
        <v>2029</v>
      </c>
      <c r="D5" s="177">
        <v>2027</v>
      </c>
      <c r="E5" s="177">
        <v>2027</v>
      </c>
      <c r="F5" s="174">
        <f t="shared" ca="1" si="0"/>
        <v>2039</v>
      </c>
      <c r="G5" s="177">
        <v>4</v>
      </c>
      <c r="H5" s="177">
        <v>4</v>
      </c>
      <c r="I5" s="177">
        <v>3</v>
      </c>
      <c r="J5" s="175">
        <v>4</v>
      </c>
      <c r="K5" s="175">
        <v>3</v>
      </c>
      <c r="L5" s="176">
        <v>60</v>
      </c>
    </row>
    <row r="6" spans="1:13" ht="18.75" customHeight="1" x14ac:dyDescent="0.15">
      <c r="A6" s="1"/>
      <c r="B6" s="172"/>
      <c r="C6" s="174">
        <f t="shared" ca="1" si="1"/>
        <v>2030</v>
      </c>
      <c r="D6" s="177">
        <v>2026</v>
      </c>
      <c r="E6" s="177">
        <v>2026</v>
      </c>
      <c r="F6" s="174">
        <f t="shared" ca="1" si="0"/>
        <v>2038</v>
      </c>
      <c r="G6" s="177">
        <v>5</v>
      </c>
      <c r="H6" s="177">
        <v>5</v>
      </c>
      <c r="I6" s="177">
        <v>4</v>
      </c>
      <c r="J6" s="175">
        <v>5</v>
      </c>
      <c r="K6" s="175">
        <v>4</v>
      </c>
      <c r="L6" s="176">
        <v>75</v>
      </c>
    </row>
    <row r="7" spans="1:13" ht="18.75" customHeight="1" x14ac:dyDescent="0.15">
      <c r="A7" s="1"/>
      <c r="B7" s="172"/>
      <c r="C7" s="174">
        <f t="shared" ca="1" si="1"/>
        <v>2031</v>
      </c>
      <c r="D7" s="174">
        <f ca="1">YEAR(TODAY())</f>
        <v>2026</v>
      </c>
      <c r="E7" s="174">
        <f ca="1">YEAR(TODAY())</f>
        <v>2026</v>
      </c>
      <c r="F7" s="174">
        <f t="shared" ca="1" si="0"/>
        <v>2037</v>
      </c>
      <c r="G7" s="177">
        <v>6</v>
      </c>
      <c r="H7" s="177">
        <v>6</v>
      </c>
      <c r="I7" s="177">
        <v>5</v>
      </c>
      <c r="J7" s="175">
        <v>6</v>
      </c>
      <c r="K7" s="175">
        <v>5</v>
      </c>
      <c r="L7" s="176">
        <v>90</v>
      </c>
    </row>
    <row r="8" spans="1:13" ht="18.75" customHeight="1" x14ac:dyDescent="0.15">
      <c r="A8" s="1"/>
      <c r="B8" s="173"/>
      <c r="C8" s="174">
        <f t="shared" ca="1" si="1"/>
        <v>2032</v>
      </c>
      <c r="D8" s="174">
        <f t="shared" ref="D8:E25" ca="1" si="2">D7-1</f>
        <v>2025</v>
      </c>
      <c r="E8" s="174">
        <f t="shared" ca="1" si="2"/>
        <v>2025</v>
      </c>
      <c r="F8" s="174">
        <f t="shared" ca="1" si="0"/>
        <v>2036</v>
      </c>
      <c r="G8" s="177">
        <v>7</v>
      </c>
      <c r="H8" s="177">
        <v>7</v>
      </c>
      <c r="I8" s="177">
        <v>6</v>
      </c>
      <c r="J8" s="175">
        <v>7</v>
      </c>
      <c r="K8" s="175">
        <v>6</v>
      </c>
      <c r="L8" s="176">
        <v>105</v>
      </c>
    </row>
    <row r="9" spans="1:13" ht="18.75" customHeight="1" x14ac:dyDescent="0.15">
      <c r="A9" s="1"/>
      <c r="B9" s="172"/>
      <c r="C9" s="174">
        <f t="shared" ca="1" si="1"/>
        <v>2033</v>
      </c>
      <c r="D9" s="174">
        <f t="shared" ca="1" si="2"/>
        <v>2024</v>
      </c>
      <c r="E9" s="174">
        <f t="shared" ca="1" si="2"/>
        <v>2024</v>
      </c>
      <c r="F9" s="174">
        <f t="shared" ca="1" si="0"/>
        <v>2035</v>
      </c>
      <c r="G9" s="177">
        <v>8</v>
      </c>
      <c r="H9" s="177">
        <v>8</v>
      </c>
      <c r="I9" s="177">
        <v>7</v>
      </c>
      <c r="J9" s="175">
        <v>8</v>
      </c>
      <c r="K9" s="175">
        <v>7</v>
      </c>
      <c r="L9" s="176">
        <v>120</v>
      </c>
    </row>
    <row r="10" spans="1:13" ht="18.75" customHeight="1" x14ac:dyDescent="0.15">
      <c r="A10" s="1"/>
      <c r="B10" s="172"/>
      <c r="C10" s="174">
        <f t="shared" ca="1" si="1"/>
        <v>2034</v>
      </c>
      <c r="D10" s="174">
        <f t="shared" ca="1" si="2"/>
        <v>2023</v>
      </c>
      <c r="E10" s="174">
        <f t="shared" ca="1" si="2"/>
        <v>2023</v>
      </c>
      <c r="F10" s="174">
        <f t="shared" ca="1" si="0"/>
        <v>2034</v>
      </c>
      <c r="G10" s="177">
        <v>9</v>
      </c>
      <c r="H10" s="177">
        <v>9</v>
      </c>
      <c r="I10" s="177">
        <v>8</v>
      </c>
      <c r="J10" s="175">
        <v>9</v>
      </c>
      <c r="K10" s="175">
        <v>8</v>
      </c>
      <c r="L10" s="176">
        <v>135</v>
      </c>
    </row>
    <row r="11" spans="1:13" ht="18.75" customHeight="1" x14ac:dyDescent="0.15">
      <c r="A11" s="1"/>
      <c r="B11" s="172"/>
      <c r="C11" s="174">
        <f t="shared" ca="1" si="1"/>
        <v>2035</v>
      </c>
      <c r="D11" s="174">
        <f t="shared" ca="1" si="2"/>
        <v>2022</v>
      </c>
      <c r="E11" s="174">
        <f t="shared" ca="1" si="2"/>
        <v>2022</v>
      </c>
      <c r="F11" s="174">
        <f t="shared" ca="1" si="0"/>
        <v>2033</v>
      </c>
      <c r="G11" s="177">
        <v>10</v>
      </c>
      <c r="H11" s="177">
        <v>10</v>
      </c>
      <c r="I11" s="177">
        <v>9</v>
      </c>
      <c r="J11" s="175">
        <v>10</v>
      </c>
      <c r="K11" s="175">
        <v>9</v>
      </c>
      <c r="L11" s="176">
        <v>150</v>
      </c>
    </row>
    <row r="12" spans="1:13" ht="18.75" customHeight="1" x14ac:dyDescent="0.15">
      <c r="A12" s="1"/>
      <c r="B12" s="172"/>
      <c r="C12" s="174">
        <f t="shared" ca="1" si="1"/>
        <v>2036</v>
      </c>
      <c r="D12" s="174">
        <f t="shared" ca="1" si="2"/>
        <v>2021</v>
      </c>
      <c r="E12" s="174">
        <f t="shared" ca="1" si="2"/>
        <v>2021</v>
      </c>
      <c r="F12" s="174">
        <f t="shared" ca="1" si="0"/>
        <v>2032</v>
      </c>
      <c r="G12" s="177">
        <v>11</v>
      </c>
      <c r="H12" s="177">
        <v>11</v>
      </c>
      <c r="I12" s="177">
        <v>10</v>
      </c>
      <c r="J12" s="175">
        <v>11</v>
      </c>
      <c r="K12" s="175">
        <v>10</v>
      </c>
      <c r="L12" s="176">
        <v>165</v>
      </c>
    </row>
    <row r="13" spans="1:13" ht="18.75" customHeight="1" x14ac:dyDescent="0.15">
      <c r="A13" s="1"/>
      <c r="B13" s="172"/>
      <c r="C13" s="174">
        <f t="shared" ca="1" si="1"/>
        <v>2037</v>
      </c>
      <c r="D13" s="174">
        <f t="shared" ca="1" si="2"/>
        <v>2020</v>
      </c>
      <c r="E13" s="174">
        <f t="shared" ca="1" si="2"/>
        <v>2020</v>
      </c>
      <c r="F13" s="174">
        <f t="shared" ca="1" si="0"/>
        <v>2031</v>
      </c>
      <c r="G13" s="177">
        <v>12</v>
      </c>
      <c r="H13" s="177">
        <v>12</v>
      </c>
      <c r="I13" s="177">
        <v>11</v>
      </c>
      <c r="J13" s="175">
        <v>12</v>
      </c>
      <c r="K13" s="175">
        <v>11</v>
      </c>
      <c r="L13" s="176">
        <v>180</v>
      </c>
    </row>
    <row r="14" spans="1:13" ht="18.75" customHeight="1" x14ac:dyDescent="0.15">
      <c r="A14" s="1"/>
      <c r="B14" s="172"/>
      <c r="C14" s="174">
        <f t="shared" ca="1" si="1"/>
        <v>2038</v>
      </c>
      <c r="D14" s="174">
        <f t="shared" ca="1" si="2"/>
        <v>2019</v>
      </c>
      <c r="E14" s="174">
        <f t="shared" ca="1" si="2"/>
        <v>2019</v>
      </c>
      <c r="F14" s="174">
        <f t="shared" ca="1" si="0"/>
        <v>2030</v>
      </c>
      <c r="G14" s="175"/>
      <c r="H14" s="177">
        <v>13</v>
      </c>
      <c r="I14" s="177">
        <v>12</v>
      </c>
      <c r="J14" s="175">
        <v>13</v>
      </c>
      <c r="K14" s="175">
        <v>12</v>
      </c>
      <c r="L14" s="176">
        <v>195</v>
      </c>
    </row>
    <row r="15" spans="1:13" ht="18.75" customHeight="1" x14ac:dyDescent="0.15">
      <c r="A15" s="1"/>
      <c r="B15" s="172"/>
      <c r="C15" s="174">
        <f t="shared" ca="1" si="1"/>
        <v>2039</v>
      </c>
      <c r="D15" s="174">
        <f t="shared" ca="1" si="2"/>
        <v>2018</v>
      </c>
      <c r="E15" s="174">
        <f t="shared" ca="1" si="2"/>
        <v>2018</v>
      </c>
      <c r="F15" s="174">
        <f t="shared" ca="1" si="0"/>
        <v>2029</v>
      </c>
      <c r="G15" s="175"/>
      <c r="H15" s="177">
        <v>14</v>
      </c>
      <c r="I15" s="177">
        <v>13</v>
      </c>
      <c r="J15" s="175">
        <v>14</v>
      </c>
      <c r="K15" s="175">
        <v>13</v>
      </c>
      <c r="L15" s="176">
        <v>210</v>
      </c>
    </row>
    <row r="16" spans="1:13" ht="18.75" customHeight="1" x14ac:dyDescent="0.15">
      <c r="A16" s="1"/>
      <c r="B16" s="172"/>
      <c r="C16" s="174">
        <f t="shared" ca="1" si="1"/>
        <v>2040</v>
      </c>
      <c r="D16" s="174">
        <f t="shared" ca="1" si="2"/>
        <v>2017</v>
      </c>
      <c r="E16" s="174">
        <f t="shared" ca="1" si="2"/>
        <v>2017</v>
      </c>
      <c r="F16" s="174">
        <f t="shared" ca="1" si="0"/>
        <v>2028</v>
      </c>
      <c r="G16" s="175"/>
      <c r="H16" s="177">
        <v>15</v>
      </c>
      <c r="I16" s="177">
        <v>14</v>
      </c>
      <c r="J16" s="175">
        <v>15</v>
      </c>
      <c r="K16" s="175">
        <v>14</v>
      </c>
      <c r="L16" s="176">
        <v>225</v>
      </c>
    </row>
    <row r="17" spans="1:12" ht="18.75" customHeight="1" x14ac:dyDescent="0.15">
      <c r="A17" s="1"/>
      <c r="B17" s="172"/>
      <c r="C17" s="174">
        <f t="shared" ca="1" si="1"/>
        <v>2041</v>
      </c>
      <c r="D17" s="174">
        <f t="shared" ca="1" si="2"/>
        <v>2016</v>
      </c>
      <c r="E17" s="174">
        <f t="shared" ca="1" si="2"/>
        <v>2016</v>
      </c>
      <c r="F17" s="174">
        <f t="shared" ca="1" si="0"/>
        <v>2027</v>
      </c>
      <c r="G17" s="175"/>
      <c r="H17" s="177">
        <v>16</v>
      </c>
      <c r="I17" s="177">
        <v>15</v>
      </c>
      <c r="J17" s="175">
        <v>16</v>
      </c>
      <c r="K17" s="175">
        <v>15</v>
      </c>
      <c r="L17" s="176">
        <v>240</v>
      </c>
    </row>
    <row r="18" spans="1:12" ht="18.75" customHeight="1" x14ac:dyDescent="0.15">
      <c r="A18" s="1"/>
      <c r="B18" s="172"/>
      <c r="C18" s="174">
        <f t="shared" ca="1" si="1"/>
        <v>2042</v>
      </c>
      <c r="D18" s="174">
        <f t="shared" ca="1" si="2"/>
        <v>2015</v>
      </c>
      <c r="E18" s="174">
        <f t="shared" ca="1" si="2"/>
        <v>2015</v>
      </c>
      <c r="F18" s="174">
        <f ca="1">YEAR(TODAY())</f>
        <v>2026</v>
      </c>
      <c r="G18" s="175"/>
      <c r="H18" s="177">
        <v>17</v>
      </c>
      <c r="I18" s="177">
        <v>16</v>
      </c>
      <c r="J18" s="175">
        <v>17</v>
      </c>
      <c r="K18" s="175">
        <v>16</v>
      </c>
      <c r="L18" s="176">
        <v>255</v>
      </c>
    </row>
    <row r="19" spans="1:12" ht="18.75" customHeight="1" x14ac:dyDescent="0.15">
      <c r="A19" s="1"/>
      <c r="B19" s="172"/>
      <c r="C19" s="174">
        <f t="shared" ca="1" si="1"/>
        <v>2043</v>
      </c>
      <c r="D19" s="174">
        <f t="shared" ca="1" si="2"/>
        <v>2014</v>
      </c>
      <c r="E19" s="174">
        <f t="shared" ca="1" si="2"/>
        <v>2014</v>
      </c>
      <c r="F19" s="174">
        <f t="shared" ref="F19:F55" ca="1" si="3">F18-1</f>
        <v>2025</v>
      </c>
      <c r="G19" s="175"/>
      <c r="H19" s="177">
        <v>18</v>
      </c>
      <c r="I19" s="177">
        <v>17</v>
      </c>
      <c r="J19" s="175">
        <v>18</v>
      </c>
      <c r="K19" s="175">
        <v>17</v>
      </c>
      <c r="L19" s="176">
        <v>270</v>
      </c>
    </row>
    <row r="20" spans="1:12" ht="18.75" customHeight="1" x14ac:dyDescent="0.15">
      <c r="A20" s="1"/>
      <c r="B20" s="172"/>
      <c r="C20" s="174">
        <f t="shared" ca="1" si="1"/>
        <v>2044</v>
      </c>
      <c r="D20" s="174">
        <f t="shared" ca="1" si="2"/>
        <v>2013</v>
      </c>
      <c r="E20" s="174">
        <f t="shared" ca="1" si="2"/>
        <v>2013</v>
      </c>
      <c r="F20" s="174">
        <f t="shared" ca="1" si="3"/>
        <v>2024</v>
      </c>
      <c r="G20" s="175"/>
      <c r="H20" s="177">
        <v>19</v>
      </c>
      <c r="I20" s="177">
        <v>18</v>
      </c>
      <c r="J20" s="175">
        <v>19</v>
      </c>
      <c r="K20" s="175">
        <v>18</v>
      </c>
      <c r="L20" s="176">
        <v>285</v>
      </c>
    </row>
    <row r="21" spans="1:12" ht="18.75" customHeight="1" x14ac:dyDescent="0.15">
      <c r="A21" s="1"/>
      <c r="B21" s="172"/>
      <c r="C21" s="174">
        <f t="shared" ca="1" si="1"/>
        <v>2045</v>
      </c>
      <c r="D21" s="174">
        <f t="shared" ca="1" si="2"/>
        <v>2012</v>
      </c>
      <c r="E21" s="174">
        <f t="shared" ca="1" si="2"/>
        <v>2012</v>
      </c>
      <c r="F21" s="174">
        <f t="shared" ca="1" si="3"/>
        <v>2023</v>
      </c>
      <c r="G21" s="175"/>
      <c r="H21" s="177">
        <v>20</v>
      </c>
      <c r="I21" s="177">
        <v>19</v>
      </c>
      <c r="J21" s="175">
        <v>20</v>
      </c>
      <c r="K21" s="175">
        <v>19</v>
      </c>
      <c r="L21" s="176">
        <v>300</v>
      </c>
    </row>
    <row r="22" spans="1:12" ht="18.75" customHeight="1" x14ac:dyDescent="0.15">
      <c r="A22" s="1"/>
      <c r="B22" s="172"/>
      <c r="C22" s="174">
        <f t="shared" ca="1" si="1"/>
        <v>2046</v>
      </c>
      <c r="D22" s="174">
        <f t="shared" ca="1" si="2"/>
        <v>2011</v>
      </c>
      <c r="E22" s="174">
        <f t="shared" ca="1" si="2"/>
        <v>2011</v>
      </c>
      <c r="F22" s="174">
        <f t="shared" ca="1" si="3"/>
        <v>2022</v>
      </c>
      <c r="G22" s="175"/>
      <c r="H22" s="177">
        <v>21</v>
      </c>
      <c r="I22" s="177">
        <v>20</v>
      </c>
      <c r="J22" s="175">
        <v>21</v>
      </c>
      <c r="K22" s="175">
        <v>20</v>
      </c>
      <c r="L22" s="176">
        <v>315</v>
      </c>
    </row>
    <row r="23" spans="1:12" ht="18.75" customHeight="1" x14ac:dyDescent="0.15">
      <c r="A23" s="1"/>
      <c r="B23" s="172"/>
      <c r="C23" s="174">
        <f t="shared" ca="1" si="1"/>
        <v>2047</v>
      </c>
      <c r="D23" s="174">
        <f t="shared" ca="1" si="2"/>
        <v>2010</v>
      </c>
      <c r="E23" s="174">
        <f t="shared" ca="1" si="2"/>
        <v>2010</v>
      </c>
      <c r="F23" s="174">
        <f t="shared" ca="1" si="3"/>
        <v>2021</v>
      </c>
      <c r="G23" s="175"/>
      <c r="H23" s="177">
        <v>22</v>
      </c>
      <c r="I23" s="177">
        <v>21</v>
      </c>
      <c r="J23" s="175">
        <v>22</v>
      </c>
      <c r="K23" s="175">
        <v>21</v>
      </c>
      <c r="L23" s="176">
        <v>330</v>
      </c>
    </row>
    <row r="24" spans="1:12" ht="18.75" customHeight="1" x14ac:dyDescent="0.15">
      <c r="A24" s="1"/>
      <c r="B24" s="172"/>
      <c r="C24" s="174">
        <f t="shared" ca="1" si="1"/>
        <v>2048</v>
      </c>
      <c r="D24" s="174">
        <f t="shared" ca="1" si="2"/>
        <v>2009</v>
      </c>
      <c r="E24" s="174">
        <f t="shared" ca="1" si="2"/>
        <v>2009</v>
      </c>
      <c r="F24" s="174">
        <f t="shared" ca="1" si="3"/>
        <v>2020</v>
      </c>
      <c r="G24" s="175"/>
      <c r="H24" s="177">
        <v>23</v>
      </c>
      <c r="I24" s="177">
        <v>22</v>
      </c>
      <c r="J24" s="175">
        <v>23</v>
      </c>
      <c r="K24" s="175">
        <v>22</v>
      </c>
      <c r="L24" s="176">
        <v>345</v>
      </c>
    </row>
    <row r="25" spans="1:12" ht="18.75" customHeight="1" x14ac:dyDescent="0.15">
      <c r="A25" s="1"/>
      <c r="B25" s="172"/>
      <c r="C25" s="174">
        <f t="shared" ca="1" si="1"/>
        <v>2049</v>
      </c>
      <c r="D25" s="174">
        <f t="shared" ca="1" si="2"/>
        <v>2008</v>
      </c>
      <c r="E25" s="174">
        <f t="shared" ca="1" si="2"/>
        <v>2008</v>
      </c>
      <c r="F25" s="174">
        <f t="shared" ca="1" si="3"/>
        <v>2019</v>
      </c>
      <c r="G25" s="175"/>
      <c r="H25" s="177">
        <v>24</v>
      </c>
      <c r="I25" s="177">
        <v>23</v>
      </c>
      <c r="J25" s="175">
        <v>24</v>
      </c>
      <c r="K25" s="175">
        <v>23</v>
      </c>
      <c r="L25" s="176">
        <v>360</v>
      </c>
    </row>
    <row r="26" spans="1:12" ht="18.75" customHeight="1" x14ac:dyDescent="0.15">
      <c r="A26" s="1"/>
      <c r="B26" s="172"/>
      <c r="C26" s="174">
        <f t="shared" ca="1" si="1"/>
        <v>2050</v>
      </c>
      <c r="D26" s="174"/>
      <c r="E26" s="174">
        <f t="shared" ref="E26:E89" ca="1" si="4">E25-1</f>
        <v>2007</v>
      </c>
      <c r="F26" s="174">
        <f t="shared" ca="1" si="3"/>
        <v>2018</v>
      </c>
      <c r="G26" s="175"/>
      <c r="H26" s="177">
        <v>25</v>
      </c>
      <c r="I26" s="177">
        <v>24</v>
      </c>
      <c r="J26" s="175">
        <v>25</v>
      </c>
      <c r="K26" s="175">
        <v>24</v>
      </c>
      <c r="L26" s="176">
        <v>375</v>
      </c>
    </row>
    <row r="27" spans="1:12" ht="18.75" customHeight="1" x14ac:dyDescent="0.15">
      <c r="A27" s="1"/>
      <c r="B27" s="172"/>
      <c r="C27" s="174">
        <f t="shared" ca="1" si="1"/>
        <v>2051</v>
      </c>
      <c r="D27" s="174"/>
      <c r="E27" s="174">
        <f t="shared" ca="1" si="4"/>
        <v>2006</v>
      </c>
      <c r="F27" s="174">
        <f t="shared" ca="1" si="3"/>
        <v>2017</v>
      </c>
      <c r="G27" s="175"/>
      <c r="H27" s="177">
        <v>26</v>
      </c>
      <c r="I27" s="175">
        <v>25</v>
      </c>
      <c r="J27" s="175">
        <v>26</v>
      </c>
      <c r="K27" s="175">
        <v>25</v>
      </c>
      <c r="L27" s="176">
        <v>390</v>
      </c>
    </row>
    <row r="28" spans="1:12" ht="18.75" customHeight="1" x14ac:dyDescent="0.15">
      <c r="A28" s="1"/>
      <c r="B28" s="172"/>
      <c r="C28" s="174">
        <f t="shared" ca="1" si="1"/>
        <v>2052</v>
      </c>
      <c r="D28" s="174"/>
      <c r="E28" s="174">
        <f t="shared" ca="1" si="4"/>
        <v>2005</v>
      </c>
      <c r="F28" s="174">
        <f t="shared" ca="1" si="3"/>
        <v>2016</v>
      </c>
      <c r="G28" s="175"/>
      <c r="H28" s="177">
        <v>27</v>
      </c>
      <c r="I28" s="175">
        <v>26</v>
      </c>
      <c r="J28" s="175">
        <v>27</v>
      </c>
      <c r="K28" s="175">
        <v>26</v>
      </c>
      <c r="L28" s="176">
        <v>405</v>
      </c>
    </row>
    <row r="29" spans="1:12" ht="18.75" customHeight="1" x14ac:dyDescent="0.15">
      <c r="A29" s="1"/>
      <c r="B29" s="172"/>
      <c r="C29" s="174">
        <f t="shared" ca="1" si="1"/>
        <v>2053</v>
      </c>
      <c r="D29" s="174"/>
      <c r="E29" s="174">
        <f t="shared" ca="1" si="4"/>
        <v>2004</v>
      </c>
      <c r="F29" s="174">
        <f t="shared" ca="1" si="3"/>
        <v>2015</v>
      </c>
      <c r="G29" s="175"/>
      <c r="H29" s="177">
        <v>28</v>
      </c>
      <c r="I29" s="175">
        <v>27</v>
      </c>
      <c r="J29" s="175">
        <v>28</v>
      </c>
      <c r="K29" s="175">
        <v>27</v>
      </c>
      <c r="L29" s="176">
        <v>420</v>
      </c>
    </row>
    <row r="30" spans="1:12" ht="18.75" customHeight="1" x14ac:dyDescent="0.15">
      <c r="A30" s="1"/>
      <c r="B30" s="172"/>
      <c r="C30" s="174">
        <f t="shared" ca="1" si="1"/>
        <v>2054</v>
      </c>
      <c r="D30" s="174"/>
      <c r="E30" s="174">
        <f t="shared" ca="1" si="4"/>
        <v>2003</v>
      </c>
      <c r="F30" s="174">
        <f t="shared" ca="1" si="3"/>
        <v>2014</v>
      </c>
      <c r="G30" s="175"/>
      <c r="H30" s="177">
        <v>29</v>
      </c>
      <c r="I30" s="175">
        <v>28</v>
      </c>
      <c r="J30" s="175">
        <v>29</v>
      </c>
      <c r="K30" s="175">
        <v>28</v>
      </c>
      <c r="L30" s="176">
        <v>435</v>
      </c>
    </row>
    <row r="31" spans="1:12" ht="18.75" customHeight="1" x14ac:dyDescent="0.15">
      <c r="A31" s="1"/>
      <c r="B31" s="172"/>
      <c r="C31" s="174">
        <f t="shared" ca="1" si="1"/>
        <v>2055</v>
      </c>
      <c r="D31" s="174"/>
      <c r="E31" s="174">
        <f t="shared" ca="1" si="4"/>
        <v>2002</v>
      </c>
      <c r="F31" s="174">
        <f t="shared" ca="1" si="3"/>
        <v>2013</v>
      </c>
      <c r="G31" s="175"/>
      <c r="H31" s="177">
        <v>30</v>
      </c>
      <c r="I31" s="175">
        <v>29</v>
      </c>
      <c r="J31" s="175">
        <v>30</v>
      </c>
      <c r="K31" s="175">
        <v>29</v>
      </c>
      <c r="L31" s="176">
        <v>450</v>
      </c>
    </row>
    <row r="32" spans="1:12" ht="18.75" customHeight="1" x14ac:dyDescent="0.15">
      <c r="A32" s="1"/>
      <c r="B32" s="1"/>
      <c r="C32" s="175"/>
      <c r="D32" s="174"/>
      <c r="E32" s="174">
        <f t="shared" ca="1" si="4"/>
        <v>2001</v>
      </c>
      <c r="F32" s="174">
        <f t="shared" ca="1" si="3"/>
        <v>2012</v>
      </c>
      <c r="G32" s="175"/>
      <c r="H32" s="177">
        <v>31</v>
      </c>
      <c r="I32" s="175"/>
      <c r="J32" s="175">
        <v>31</v>
      </c>
      <c r="K32" s="175">
        <v>30</v>
      </c>
      <c r="L32" s="176">
        <v>465</v>
      </c>
    </row>
    <row r="33" spans="3:12" ht="18.75" customHeight="1" x14ac:dyDescent="0.15">
      <c r="C33" s="175"/>
      <c r="D33" s="174"/>
      <c r="E33" s="174">
        <f t="shared" ca="1" si="4"/>
        <v>2000</v>
      </c>
      <c r="F33" s="174">
        <f t="shared" ca="1" si="3"/>
        <v>2011</v>
      </c>
      <c r="G33" s="175"/>
      <c r="H33" s="175"/>
      <c r="I33" s="175"/>
      <c r="J33" s="175">
        <v>32</v>
      </c>
      <c r="K33" s="175">
        <v>31</v>
      </c>
      <c r="L33" s="176">
        <v>480</v>
      </c>
    </row>
    <row r="34" spans="3:12" ht="18.75" customHeight="1" x14ac:dyDescent="0.15">
      <c r="C34" s="175"/>
      <c r="D34" s="174"/>
      <c r="E34" s="174">
        <f t="shared" ca="1" si="4"/>
        <v>1999</v>
      </c>
      <c r="F34" s="174">
        <f t="shared" ca="1" si="3"/>
        <v>2010</v>
      </c>
      <c r="G34" s="175"/>
      <c r="H34" s="175"/>
      <c r="I34" s="175"/>
      <c r="J34" s="175">
        <v>33</v>
      </c>
      <c r="K34" s="175">
        <v>32</v>
      </c>
      <c r="L34" s="176"/>
    </row>
    <row r="35" spans="3:12" ht="18.75" customHeight="1" x14ac:dyDescent="0.15">
      <c r="C35" s="175"/>
      <c r="D35" s="174"/>
      <c r="E35" s="174">
        <f t="shared" ca="1" si="4"/>
        <v>1998</v>
      </c>
      <c r="F35" s="174">
        <f t="shared" ca="1" si="3"/>
        <v>2009</v>
      </c>
      <c r="G35" s="175"/>
      <c r="H35" s="175"/>
      <c r="I35" s="175"/>
      <c r="J35" s="175">
        <v>34</v>
      </c>
      <c r="K35" s="175">
        <v>33</v>
      </c>
      <c r="L35" s="176"/>
    </row>
    <row r="36" spans="3:12" ht="18.75" customHeight="1" x14ac:dyDescent="0.15">
      <c r="C36" s="175"/>
      <c r="D36" s="174"/>
      <c r="E36" s="174">
        <f t="shared" ca="1" si="4"/>
        <v>1997</v>
      </c>
      <c r="F36" s="174">
        <f t="shared" ca="1" si="3"/>
        <v>2008</v>
      </c>
      <c r="G36" s="175"/>
      <c r="H36" s="175"/>
      <c r="I36" s="175"/>
      <c r="J36" s="175">
        <v>35</v>
      </c>
      <c r="K36" s="175">
        <v>34</v>
      </c>
      <c r="L36" s="176"/>
    </row>
    <row r="37" spans="3:12" ht="18.75" customHeight="1" x14ac:dyDescent="0.15">
      <c r="C37" s="175"/>
      <c r="D37" s="174"/>
      <c r="E37" s="174">
        <f t="shared" ca="1" si="4"/>
        <v>1996</v>
      </c>
      <c r="F37" s="174">
        <f t="shared" ca="1" si="3"/>
        <v>2007</v>
      </c>
      <c r="G37" s="175"/>
      <c r="H37" s="175"/>
      <c r="I37" s="175"/>
      <c r="J37" s="175">
        <v>36</v>
      </c>
      <c r="K37" s="175">
        <v>35</v>
      </c>
      <c r="L37" s="176"/>
    </row>
    <row r="38" spans="3:12" ht="18.75" customHeight="1" x14ac:dyDescent="0.15">
      <c r="C38" s="175"/>
      <c r="D38" s="174"/>
      <c r="E38" s="174">
        <f t="shared" ca="1" si="4"/>
        <v>1995</v>
      </c>
      <c r="F38" s="174">
        <f t="shared" ca="1" si="3"/>
        <v>2006</v>
      </c>
      <c r="G38" s="175"/>
      <c r="H38" s="175"/>
      <c r="I38" s="175"/>
      <c r="J38" s="175">
        <v>37</v>
      </c>
      <c r="K38" s="175">
        <v>36</v>
      </c>
      <c r="L38" s="176"/>
    </row>
    <row r="39" spans="3:12" ht="18.75" customHeight="1" x14ac:dyDescent="0.15">
      <c r="C39" s="175"/>
      <c r="D39" s="174"/>
      <c r="E39" s="174">
        <f t="shared" ca="1" si="4"/>
        <v>1994</v>
      </c>
      <c r="F39" s="174">
        <f t="shared" ca="1" si="3"/>
        <v>2005</v>
      </c>
      <c r="G39" s="175"/>
      <c r="H39" s="175"/>
      <c r="I39" s="175"/>
      <c r="J39" s="175">
        <v>38</v>
      </c>
      <c r="K39" s="175">
        <v>37</v>
      </c>
      <c r="L39" s="176"/>
    </row>
    <row r="40" spans="3:12" ht="18.75" customHeight="1" x14ac:dyDescent="0.15">
      <c r="C40" s="175"/>
      <c r="D40" s="174"/>
      <c r="E40" s="174">
        <f t="shared" ca="1" si="4"/>
        <v>1993</v>
      </c>
      <c r="F40" s="174">
        <f t="shared" ca="1" si="3"/>
        <v>2004</v>
      </c>
      <c r="G40" s="175"/>
      <c r="H40" s="175"/>
      <c r="I40" s="175"/>
      <c r="J40" s="175">
        <v>39</v>
      </c>
      <c r="K40" s="175">
        <v>38</v>
      </c>
      <c r="L40" s="176"/>
    </row>
    <row r="41" spans="3:12" ht="18.75" customHeight="1" x14ac:dyDescent="0.15">
      <c r="C41" s="175"/>
      <c r="D41" s="174"/>
      <c r="E41" s="174">
        <f t="shared" ca="1" si="4"/>
        <v>1992</v>
      </c>
      <c r="F41" s="174">
        <f t="shared" ca="1" si="3"/>
        <v>2003</v>
      </c>
      <c r="G41" s="175"/>
      <c r="H41" s="175"/>
      <c r="I41" s="175"/>
      <c r="J41" s="175">
        <v>40</v>
      </c>
      <c r="K41" s="175">
        <v>39</v>
      </c>
      <c r="L41" s="176"/>
    </row>
    <row r="42" spans="3:12" ht="18.75" customHeight="1" x14ac:dyDescent="0.15">
      <c r="C42" s="175"/>
      <c r="D42" s="175"/>
      <c r="E42" s="174">
        <f t="shared" ca="1" si="4"/>
        <v>1991</v>
      </c>
      <c r="F42" s="174">
        <f t="shared" ca="1" si="3"/>
        <v>2002</v>
      </c>
      <c r="G42" s="175"/>
      <c r="H42" s="175"/>
      <c r="I42" s="175"/>
      <c r="J42" s="175">
        <v>41</v>
      </c>
      <c r="K42" s="175">
        <v>40</v>
      </c>
      <c r="L42" s="176"/>
    </row>
    <row r="43" spans="3:12" ht="18.75" customHeight="1" x14ac:dyDescent="0.15">
      <c r="C43" s="175"/>
      <c r="D43" s="175"/>
      <c r="E43" s="174">
        <f t="shared" ca="1" si="4"/>
        <v>1990</v>
      </c>
      <c r="F43" s="174">
        <f t="shared" ca="1" si="3"/>
        <v>2001</v>
      </c>
      <c r="G43" s="175"/>
      <c r="H43" s="175"/>
      <c r="I43" s="175"/>
      <c r="J43" s="175">
        <v>42</v>
      </c>
      <c r="K43" s="175">
        <v>41</v>
      </c>
      <c r="L43" s="176"/>
    </row>
    <row r="44" spans="3:12" ht="18.75" customHeight="1" x14ac:dyDescent="0.15">
      <c r="C44" s="175"/>
      <c r="D44" s="175"/>
      <c r="E44" s="174">
        <f t="shared" ca="1" si="4"/>
        <v>1989</v>
      </c>
      <c r="F44" s="174">
        <f t="shared" ca="1" si="3"/>
        <v>2000</v>
      </c>
      <c r="G44" s="175"/>
      <c r="H44" s="175"/>
      <c r="I44" s="175"/>
      <c r="J44" s="175">
        <v>43</v>
      </c>
      <c r="K44" s="175">
        <v>42</v>
      </c>
      <c r="L44" s="176"/>
    </row>
    <row r="45" spans="3:12" ht="18.75" customHeight="1" x14ac:dyDescent="0.15">
      <c r="C45" s="175"/>
      <c r="D45" s="175"/>
      <c r="E45" s="174">
        <f t="shared" ca="1" si="4"/>
        <v>1988</v>
      </c>
      <c r="F45" s="174">
        <f t="shared" ca="1" si="3"/>
        <v>1999</v>
      </c>
      <c r="G45" s="175"/>
      <c r="H45" s="175"/>
      <c r="I45" s="175"/>
      <c r="J45" s="175">
        <v>44</v>
      </c>
      <c r="K45" s="175">
        <v>43</v>
      </c>
      <c r="L45" s="176"/>
    </row>
    <row r="46" spans="3:12" ht="18.75" customHeight="1" x14ac:dyDescent="0.15">
      <c r="C46" s="175"/>
      <c r="D46" s="175"/>
      <c r="E46" s="174">
        <f t="shared" ca="1" si="4"/>
        <v>1987</v>
      </c>
      <c r="F46" s="174">
        <f t="shared" ca="1" si="3"/>
        <v>1998</v>
      </c>
      <c r="G46" s="175"/>
      <c r="H46" s="175"/>
      <c r="I46" s="175"/>
      <c r="J46" s="175">
        <v>45</v>
      </c>
      <c r="K46" s="175">
        <v>44</v>
      </c>
      <c r="L46" s="176"/>
    </row>
    <row r="47" spans="3:12" ht="18.75" customHeight="1" x14ac:dyDescent="0.15">
      <c r="C47" s="175"/>
      <c r="D47" s="175"/>
      <c r="E47" s="174">
        <f t="shared" ca="1" si="4"/>
        <v>1986</v>
      </c>
      <c r="F47" s="174">
        <f t="shared" ca="1" si="3"/>
        <v>1997</v>
      </c>
      <c r="G47" s="175"/>
      <c r="H47" s="175"/>
      <c r="I47" s="175"/>
      <c r="J47" s="175">
        <v>46</v>
      </c>
      <c r="K47" s="175">
        <v>45</v>
      </c>
      <c r="L47" s="176"/>
    </row>
    <row r="48" spans="3:12" ht="18.75" customHeight="1" x14ac:dyDescent="0.15">
      <c r="C48" s="175"/>
      <c r="D48" s="175"/>
      <c r="E48" s="174">
        <f t="shared" ca="1" si="4"/>
        <v>1985</v>
      </c>
      <c r="F48" s="174">
        <f t="shared" ca="1" si="3"/>
        <v>1996</v>
      </c>
      <c r="G48" s="175"/>
      <c r="H48" s="175"/>
      <c r="I48" s="175"/>
      <c r="J48" s="175">
        <v>47</v>
      </c>
      <c r="K48" s="175">
        <v>46</v>
      </c>
      <c r="L48" s="176"/>
    </row>
    <row r="49" spans="3:12" ht="18.75" customHeight="1" x14ac:dyDescent="0.15">
      <c r="C49" s="175"/>
      <c r="D49" s="175"/>
      <c r="E49" s="174">
        <f t="shared" ca="1" si="4"/>
        <v>1984</v>
      </c>
      <c r="F49" s="174">
        <f t="shared" ca="1" si="3"/>
        <v>1995</v>
      </c>
      <c r="G49" s="175"/>
      <c r="H49" s="175"/>
      <c r="I49" s="175"/>
      <c r="J49" s="175">
        <v>48</v>
      </c>
      <c r="K49" s="175">
        <v>47</v>
      </c>
      <c r="L49" s="176"/>
    </row>
    <row r="50" spans="3:12" ht="18.75" customHeight="1" x14ac:dyDescent="0.15">
      <c r="C50" s="175"/>
      <c r="D50" s="175"/>
      <c r="E50" s="174">
        <f t="shared" ca="1" si="4"/>
        <v>1983</v>
      </c>
      <c r="F50" s="174">
        <f t="shared" ca="1" si="3"/>
        <v>1994</v>
      </c>
      <c r="G50" s="175"/>
      <c r="H50" s="175"/>
      <c r="I50" s="175"/>
      <c r="J50" s="175">
        <v>49</v>
      </c>
      <c r="K50" s="175">
        <v>48</v>
      </c>
      <c r="L50" s="176"/>
    </row>
    <row r="51" spans="3:12" ht="18.75" customHeight="1" x14ac:dyDescent="0.15">
      <c r="C51" s="175"/>
      <c r="D51" s="175"/>
      <c r="E51" s="174">
        <f t="shared" ca="1" si="4"/>
        <v>1982</v>
      </c>
      <c r="F51" s="174">
        <f t="shared" ca="1" si="3"/>
        <v>1993</v>
      </c>
      <c r="G51" s="175"/>
      <c r="H51" s="175"/>
      <c r="I51" s="175"/>
      <c r="J51" s="175">
        <v>50</v>
      </c>
      <c r="K51" s="175">
        <v>49</v>
      </c>
      <c r="L51" s="176"/>
    </row>
    <row r="52" spans="3:12" ht="18.75" customHeight="1" x14ac:dyDescent="0.15">
      <c r="C52" s="175"/>
      <c r="D52" s="175"/>
      <c r="E52" s="174">
        <f t="shared" ca="1" si="4"/>
        <v>1981</v>
      </c>
      <c r="F52" s="174">
        <f t="shared" ca="1" si="3"/>
        <v>1992</v>
      </c>
      <c r="G52" s="175"/>
      <c r="H52" s="175"/>
      <c r="I52" s="175"/>
      <c r="J52" s="175">
        <v>51</v>
      </c>
      <c r="K52" s="175">
        <v>50</v>
      </c>
      <c r="L52" s="176"/>
    </row>
    <row r="53" spans="3:12" ht="18.75" customHeight="1" x14ac:dyDescent="0.15">
      <c r="C53" s="175"/>
      <c r="D53" s="175"/>
      <c r="E53" s="174">
        <f t="shared" ca="1" si="4"/>
        <v>1980</v>
      </c>
      <c r="F53" s="174">
        <f t="shared" ca="1" si="3"/>
        <v>1991</v>
      </c>
      <c r="G53" s="175"/>
      <c r="H53" s="175"/>
      <c r="I53" s="175"/>
      <c r="J53" s="175">
        <v>52</v>
      </c>
      <c r="K53" s="175">
        <v>51</v>
      </c>
      <c r="L53" s="176"/>
    </row>
    <row r="54" spans="3:12" ht="18.75" customHeight="1" x14ac:dyDescent="0.15">
      <c r="C54" s="175"/>
      <c r="D54" s="175"/>
      <c r="E54" s="174">
        <f t="shared" ca="1" si="4"/>
        <v>1979</v>
      </c>
      <c r="F54" s="174">
        <f t="shared" ca="1" si="3"/>
        <v>1990</v>
      </c>
      <c r="G54" s="175"/>
      <c r="H54" s="175"/>
      <c r="I54" s="175"/>
      <c r="J54" s="175">
        <v>53</v>
      </c>
      <c r="K54" s="175">
        <v>52</v>
      </c>
      <c r="L54" s="176"/>
    </row>
    <row r="55" spans="3:12" ht="18.75" customHeight="1" x14ac:dyDescent="0.15">
      <c r="C55" s="175"/>
      <c r="D55" s="175"/>
      <c r="E55" s="174">
        <f t="shared" ca="1" si="4"/>
        <v>1978</v>
      </c>
      <c r="F55" s="174">
        <f t="shared" ca="1" si="3"/>
        <v>1989</v>
      </c>
      <c r="G55" s="175"/>
      <c r="H55" s="175"/>
      <c r="I55" s="175"/>
      <c r="J55" s="175">
        <v>54</v>
      </c>
      <c r="K55" s="175">
        <v>53</v>
      </c>
      <c r="L55" s="176"/>
    </row>
    <row r="56" spans="3:12" ht="18.75" customHeight="1" x14ac:dyDescent="0.15">
      <c r="C56" s="175"/>
      <c r="D56" s="175"/>
      <c r="E56" s="174">
        <f t="shared" ca="1" si="4"/>
        <v>1977</v>
      </c>
      <c r="F56" s="174"/>
      <c r="G56" s="175"/>
      <c r="H56" s="175"/>
      <c r="I56" s="175"/>
      <c r="J56" s="175">
        <v>55</v>
      </c>
      <c r="K56" s="175">
        <v>54</v>
      </c>
      <c r="L56" s="176"/>
    </row>
    <row r="57" spans="3:12" ht="18.75" customHeight="1" x14ac:dyDescent="0.15">
      <c r="C57" s="175"/>
      <c r="D57" s="175"/>
      <c r="E57" s="174">
        <f t="shared" ca="1" si="4"/>
        <v>1976</v>
      </c>
      <c r="F57" s="174"/>
      <c r="G57" s="175"/>
      <c r="H57" s="175"/>
      <c r="I57" s="175"/>
      <c r="J57" s="175">
        <v>56</v>
      </c>
      <c r="K57" s="175">
        <v>55</v>
      </c>
      <c r="L57" s="176"/>
    </row>
    <row r="58" spans="3:12" ht="18.75" customHeight="1" x14ac:dyDescent="0.15">
      <c r="C58" s="175"/>
      <c r="D58" s="175"/>
      <c r="E58" s="174">
        <f t="shared" ca="1" si="4"/>
        <v>1975</v>
      </c>
      <c r="F58" s="174"/>
      <c r="G58" s="175"/>
      <c r="H58" s="175"/>
      <c r="I58" s="175"/>
      <c r="J58" s="175">
        <v>57</v>
      </c>
      <c r="K58" s="175">
        <v>56</v>
      </c>
      <c r="L58" s="176"/>
    </row>
    <row r="59" spans="3:12" ht="18.75" customHeight="1" x14ac:dyDescent="0.15">
      <c r="C59" s="175"/>
      <c r="D59" s="175"/>
      <c r="E59" s="174">
        <f t="shared" ca="1" si="4"/>
        <v>1974</v>
      </c>
      <c r="F59" s="174"/>
      <c r="G59" s="175"/>
      <c r="H59" s="175"/>
      <c r="I59" s="175"/>
      <c r="J59" s="175">
        <v>58</v>
      </c>
      <c r="K59" s="175">
        <v>57</v>
      </c>
      <c r="L59" s="176"/>
    </row>
    <row r="60" spans="3:12" ht="18.75" customHeight="1" x14ac:dyDescent="0.15">
      <c r="C60" s="175"/>
      <c r="D60" s="175"/>
      <c r="E60" s="174">
        <f t="shared" ca="1" si="4"/>
        <v>1973</v>
      </c>
      <c r="F60" s="174"/>
      <c r="G60" s="175"/>
      <c r="H60" s="175"/>
      <c r="I60" s="175"/>
      <c r="J60" s="175">
        <v>59</v>
      </c>
      <c r="K60" s="175">
        <v>58</v>
      </c>
      <c r="L60" s="176"/>
    </row>
    <row r="61" spans="3:12" ht="18.75" customHeight="1" x14ac:dyDescent="0.15">
      <c r="C61" s="175"/>
      <c r="D61" s="175"/>
      <c r="E61" s="174">
        <f t="shared" ca="1" si="4"/>
        <v>1972</v>
      </c>
      <c r="F61" s="174"/>
      <c r="G61" s="175"/>
      <c r="H61" s="175"/>
      <c r="I61" s="175"/>
      <c r="J61" s="175">
        <v>60</v>
      </c>
      <c r="K61" s="175">
        <v>59</v>
      </c>
      <c r="L61" s="176"/>
    </row>
    <row r="62" spans="3:12" x14ac:dyDescent="0.15">
      <c r="C62" s="176"/>
      <c r="D62" s="175"/>
      <c r="E62" s="174">
        <f t="shared" ca="1" si="4"/>
        <v>1971</v>
      </c>
      <c r="F62" s="174"/>
      <c r="G62" s="176"/>
      <c r="H62" s="176"/>
      <c r="I62" s="175"/>
      <c r="J62" s="176"/>
      <c r="K62" s="176"/>
      <c r="L62" s="176"/>
    </row>
    <row r="63" spans="3:12" x14ac:dyDescent="0.15">
      <c r="C63" s="176"/>
      <c r="D63" s="175"/>
      <c r="E63" s="174">
        <f t="shared" ca="1" si="4"/>
        <v>1970</v>
      </c>
      <c r="F63" s="174"/>
      <c r="G63" s="176"/>
      <c r="H63" s="176"/>
      <c r="I63" s="176"/>
      <c r="J63" s="176"/>
      <c r="K63" s="176"/>
      <c r="L63" s="176"/>
    </row>
    <row r="64" spans="3:12" x14ac:dyDescent="0.15">
      <c r="C64" s="176"/>
      <c r="D64" s="175"/>
      <c r="E64" s="174">
        <f t="shared" ca="1" si="4"/>
        <v>1969</v>
      </c>
      <c r="F64" s="174"/>
      <c r="G64" s="176"/>
      <c r="H64" s="176"/>
      <c r="I64" s="176"/>
      <c r="J64" s="176"/>
      <c r="K64" s="176"/>
      <c r="L64" s="176"/>
    </row>
    <row r="65" spans="3:12" x14ac:dyDescent="0.15">
      <c r="C65" s="176"/>
      <c r="D65" s="175"/>
      <c r="E65" s="174">
        <f t="shared" ca="1" si="4"/>
        <v>1968</v>
      </c>
      <c r="F65" s="174"/>
      <c r="G65" s="176"/>
      <c r="H65" s="176"/>
      <c r="I65" s="176"/>
      <c r="J65" s="176"/>
      <c r="K65" s="176"/>
      <c r="L65" s="176"/>
    </row>
    <row r="66" spans="3:12" x14ac:dyDescent="0.15">
      <c r="C66" s="176"/>
      <c r="D66" s="175"/>
      <c r="E66" s="174">
        <f t="shared" ca="1" si="4"/>
        <v>1967</v>
      </c>
      <c r="F66" s="174"/>
      <c r="G66" s="176"/>
      <c r="H66" s="176"/>
      <c r="I66" s="176"/>
      <c r="J66" s="176"/>
      <c r="K66" s="176"/>
      <c r="L66" s="176"/>
    </row>
    <row r="67" spans="3:12" x14ac:dyDescent="0.15">
      <c r="C67" s="176"/>
      <c r="D67" s="176"/>
      <c r="E67" s="174">
        <f t="shared" ca="1" si="4"/>
        <v>1966</v>
      </c>
      <c r="F67" s="174"/>
      <c r="G67" s="176"/>
      <c r="H67" s="176"/>
      <c r="I67" s="176"/>
      <c r="J67" s="176"/>
      <c r="K67" s="176"/>
      <c r="L67" s="176"/>
    </row>
    <row r="68" spans="3:12" x14ac:dyDescent="0.15">
      <c r="C68" s="176"/>
      <c r="D68" s="176"/>
      <c r="E68" s="174">
        <f t="shared" ca="1" si="4"/>
        <v>1965</v>
      </c>
      <c r="F68" s="174"/>
      <c r="G68" s="176"/>
      <c r="H68" s="176"/>
      <c r="I68" s="176"/>
      <c r="J68" s="176"/>
      <c r="K68" s="176"/>
      <c r="L68" s="176"/>
    </row>
    <row r="69" spans="3:12" x14ac:dyDescent="0.15">
      <c r="C69" s="176"/>
      <c r="D69" s="176"/>
      <c r="E69" s="174">
        <f t="shared" ca="1" si="4"/>
        <v>1964</v>
      </c>
      <c r="F69" s="174"/>
      <c r="G69" s="176"/>
      <c r="H69" s="176"/>
      <c r="I69" s="176"/>
      <c r="J69" s="176"/>
      <c r="K69" s="176"/>
      <c r="L69" s="176"/>
    </row>
    <row r="70" spans="3:12" x14ac:dyDescent="0.15">
      <c r="C70" s="176"/>
      <c r="D70" s="176"/>
      <c r="E70" s="174">
        <f t="shared" ca="1" si="4"/>
        <v>1963</v>
      </c>
      <c r="F70" s="174"/>
      <c r="G70" s="176"/>
      <c r="H70" s="176"/>
      <c r="I70" s="176"/>
      <c r="J70" s="176"/>
      <c r="K70" s="176"/>
      <c r="L70" s="176"/>
    </row>
    <row r="71" spans="3:12" x14ac:dyDescent="0.15">
      <c r="C71" s="176"/>
      <c r="D71" s="176"/>
      <c r="E71" s="174">
        <f t="shared" ca="1" si="4"/>
        <v>1962</v>
      </c>
      <c r="F71" s="174"/>
      <c r="G71" s="176"/>
      <c r="H71" s="176"/>
      <c r="I71" s="176"/>
      <c r="J71" s="176"/>
      <c r="K71" s="176"/>
      <c r="L71" s="176"/>
    </row>
    <row r="72" spans="3:12" x14ac:dyDescent="0.15">
      <c r="C72" s="176"/>
      <c r="D72" s="176"/>
      <c r="E72" s="174">
        <f t="shared" ca="1" si="4"/>
        <v>1961</v>
      </c>
      <c r="F72" s="174"/>
      <c r="G72" s="176"/>
      <c r="H72" s="176"/>
      <c r="I72" s="176"/>
      <c r="J72" s="176"/>
      <c r="K72" s="176"/>
      <c r="L72" s="176"/>
    </row>
    <row r="73" spans="3:12" x14ac:dyDescent="0.15">
      <c r="C73" s="176"/>
      <c r="D73" s="176"/>
      <c r="E73" s="174">
        <f t="shared" ca="1" si="4"/>
        <v>1960</v>
      </c>
      <c r="F73" s="174"/>
      <c r="G73" s="176"/>
      <c r="H73" s="176"/>
      <c r="I73" s="176"/>
      <c r="J73" s="176"/>
      <c r="K73" s="176"/>
      <c r="L73" s="176"/>
    </row>
    <row r="74" spans="3:12" x14ac:dyDescent="0.15">
      <c r="C74" s="176"/>
      <c r="D74" s="176"/>
      <c r="E74" s="174">
        <f t="shared" ca="1" si="4"/>
        <v>1959</v>
      </c>
      <c r="F74" s="174"/>
      <c r="G74" s="176"/>
      <c r="H74" s="176"/>
      <c r="I74" s="176"/>
      <c r="J74" s="176"/>
      <c r="K74" s="176"/>
      <c r="L74" s="176"/>
    </row>
    <row r="75" spans="3:12" x14ac:dyDescent="0.15">
      <c r="C75" s="176"/>
      <c r="D75" s="176"/>
      <c r="E75" s="174">
        <f t="shared" ca="1" si="4"/>
        <v>1958</v>
      </c>
      <c r="F75" s="174"/>
      <c r="G75" s="176"/>
      <c r="H75" s="176"/>
      <c r="I75" s="176"/>
      <c r="J75" s="176"/>
      <c r="K75" s="176"/>
      <c r="L75" s="176"/>
    </row>
    <row r="76" spans="3:12" x14ac:dyDescent="0.15">
      <c r="C76" s="176"/>
      <c r="D76" s="176"/>
      <c r="E76" s="174">
        <f t="shared" ca="1" si="4"/>
        <v>1957</v>
      </c>
      <c r="F76" s="174"/>
      <c r="G76" s="176"/>
      <c r="H76" s="176"/>
      <c r="I76" s="176"/>
      <c r="J76" s="176"/>
      <c r="K76" s="176"/>
      <c r="L76" s="176"/>
    </row>
    <row r="77" spans="3:12" x14ac:dyDescent="0.15">
      <c r="C77" s="176"/>
      <c r="D77" s="176"/>
      <c r="E77" s="174">
        <f t="shared" ca="1" si="4"/>
        <v>1956</v>
      </c>
      <c r="F77" s="174"/>
      <c r="G77" s="176"/>
      <c r="H77" s="176"/>
      <c r="I77" s="176"/>
      <c r="J77" s="176"/>
      <c r="K77" s="176"/>
      <c r="L77" s="176"/>
    </row>
    <row r="78" spans="3:12" x14ac:dyDescent="0.15">
      <c r="C78" s="176"/>
      <c r="D78" s="176"/>
      <c r="E78" s="174">
        <f t="shared" ca="1" si="4"/>
        <v>1955</v>
      </c>
      <c r="F78" s="174"/>
      <c r="G78" s="176"/>
      <c r="H78" s="176"/>
      <c r="I78" s="176"/>
      <c r="J78" s="176"/>
      <c r="K78" s="176"/>
      <c r="L78" s="176"/>
    </row>
    <row r="79" spans="3:12" x14ac:dyDescent="0.15">
      <c r="C79" s="176"/>
      <c r="D79" s="176"/>
      <c r="E79" s="174">
        <f t="shared" ca="1" si="4"/>
        <v>1954</v>
      </c>
      <c r="F79" s="174"/>
      <c r="G79" s="176"/>
      <c r="H79" s="176"/>
      <c r="I79" s="176"/>
      <c r="J79" s="176"/>
      <c r="K79" s="176"/>
      <c r="L79" s="176"/>
    </row>
    <row r="80" spans="3:12" x14ac:dyDescent="0.15">
      <c r="C80" s="176"/>
      <c r="D80" s="176"/>
      <c r="E80" s="174">
        <f t="shared" ca="1" si="4"/>
        <v>1953</v>
      </c>
      <c r="F80" s="174"/>
      <c r="G80" s="176"/>
      <c r="H80" s="176"/>
      <c r="I80" s="176"/>
      <c r="J80" s="176"/>
      <c r="K80" s="176"/>
      <c r="L80" s="176"/>
    </row>
    <row r="81" spans="3:12" x14ac:dyDescent="0.15">
      <c r="C81" s="176"/>
      <c r="D81" s="176"/>
      <c r="E81" s="174">
        <f t="shared" ca="1" si="4"/>
        <v>1952</v>
      </c>
      <c r="F81" s="174"/>
      <c r="G81" s="176"/>
      <c r="H81" s="176"/>
      <c r="I81" s="176"/>
      <c r="J81" s="176"/>
      <c r="K81" s="176"/>
      <c r="L81" s="176"/>
    </row>
    <row r="82" spans="3:12" x14ac:dyDescent="0.15">
      <c r="C82" s="176"/>
      <c r="D82" s="176"/>
      <c r="E82" s="174">
        <f t="shared" ca="1" si="4"/>
        <v>1951</v>
      </c>
      <c r="F82" s="174"/>
      <c r="G82" s="176"/>
      <c r="H82" s="176"/>
      <c r="I82" s="176"/>
      <c r="J82" s="176"/>
      <c r="K82" s="176"/>
      <c r="L82" s="176"/>
    </row>
    <row r="83" spans="3:12" x14ac:dyDescent="0.15">
      <c r="C83" s="176"/>
      <c r="D83" s="176"/>
      <c r="E83" s="174">
        <f t="shared" ca="1" si="4"/>
        <v>1950</v>
      </c>
      <c r="F83" s="174"/>
      <c r="G83" s="176"/>
      <c r="H83" s="176"/>
      <c r="I83" s="176"/>
      <c r="J83" s="176"/>
      <c r="K83" s="176"/>
      <c r="L83" s="176"/>
    </row>
    <row r="84" spans="3:12" x14ac:dyDescent="0.15">
      <c r="C84" s="176"/>
      <c r="D84" s="176"/>
      <c r="E84" s="174">
        <f t="shared" ca="1" si="4"/>
        <v>1949</v>
      </c>
      <c r="F84" s="174"/>
      <c r="G84" s="176"/>
      <c r="H84" s="176"/>
      <c r="I84" s="176"/>
      <c r="J84" s="176"/>
      <c r="K84" s="176"/>
      <c r="L84" s="176"/>
    </row>
    <row r="85" spans="3:12" x14ac:dyDescent="0.15">
      <c r="C85" s="176"/>
      <c r="D85" s="176"/>
      <c r="E85" s="174">
        <f t="shared" ca="1" si="4"/>
        <v>1948</v>
      </c>
      <c r="F85" s="174"/>
      <c r="G85" s="176"/>
      <c r="H85" s="176"/>
      <c r="I85" s="176"/>
      <c r="J85" s="176"/>
      <c r="K85" s="176"/>
      <c r="L85" s="176"/>
    </row>
    <row r="86" spans="3:12" x14ac:dyDescent="0.15">
      <c r="C86" s="176"/>
      <c r="D86" s="176"/>
      <c r="E86" s="174">
        <f t="shared" ca="1" si="4"/>
        <v>1947</v>
      </c>
      <c r="F86" s="174"/>
      <c r="G86" s="176"/>
      <c r="H86" s="176"/>
      <c r="I86" s="176"/>
      <c r="J86" s="176"/>
      <c r="K86" s="176"/>
      <c r="L86" s="176"/>
    </row>
    <row r="87" spans="3:12" x14ac:dyDescent="0.15">
      <c r="C87" s="176"/>
      <c r="D87" s="176"/>
      <c r="E87" s="174">
        <f t="shared" ca="1" si="4"/>
        <v>1946</v>
      </c>
      <c r="F87" s="174"/>
      <c r="G87" s="176"/>
      <c r="H87" s="176"/>
      <c r="I87" s="176"/>
      <c r="J87" s="176"/>
      <c r="K87" s="176"/>
      <c r="L87" s="176"/>
    </row>
    <row r="88" spans="3:12" x14ac:dyDescent="0.15">
      <c r="C88" s="176"/>
      <c r="D88" s="176"/>
      <c r="E88" s="174">
        <f t="shared" ca="1" si="4"/>
        <v>1945</v>
      </c>
      <c r="F88" s="174"/>
      <c r="G88" s="176"/>
      <c r="H88" s="176"/>
      <c r="I88" s="176"/>
      <c r="J88" s="176"/>
      <c r="K88" s="176"/>
      <c r="L88" s="176"/>
    </row>
    <row r="89" spans="3:12" x14ac:dyDescent="0.15">
      <c r="C89" s="176"/>
      <c r="D89" s="176"/>
      <c r="E89" s="174">
        <f t="shared" ca="1" si="4"/>
        <v>1944</v>
      </c>
      <c r="F89" s="174"/>
      <c r="G89" s="176"/>
      <c r="H89" s="176"/>
      <c r="I89" s="176"/>
      <c r="J89" s="176"/>
      <c r="K89" s="176"/>
      <c r="L89" s="176"/>
    </row>
    <row r="90" spans="3:12" x14ac:dyDescent="0.15">
      <c r="C90" s="176"/>
      <c r="D90" s="176"/>
      <c r="E90" s="174">
        <f t="shared" ref="E90:E113" ca="1" si="5">E89-1</f>
        <v>1943</v>
      </c>
      <c r="F90" s="174"/>
      <c r="G90" s="176"/>
      <c r="H90" s="176"/>
      <c r="I90" s="176"/>
      <c r="J90" s="176"/>
      <c r="K90" s="176"/>
      <c r="L90" s="176"/>
    </row>
    <row r="91" spans="3:12" x14ac:dyDescent="0.15">
      <c r="C91" s="176"/>
      <c r="D91" s="176"/>
      <c r="E91" s="174">
        <f t="shared" ca="1" si="5"/>
        <v>1942</v>
      </c>
      <c r="F91" s="174"/>
      <c r="G91" s="176"/>
      <c r="H91" s="176"/>
      <c r="I91" s="176"/>
      <c r="J91" s="176"/>
      <c r="K91" s="176"/>
      <c r="L91" s="176"/>
    </row>
    <row r="92" spans="3:12" x14ac:dyDescent="0.15">
      <c r="C92" s="176"/>
      <c r="D92" s="176"/>
      <c r="E92" s="174">
        <f t="shared" ca="1" si="5"/>
        <v>1941</v>
      </c>
      <c r="F92" s="174"/>
      <c r="G92" s="176"/>
      <c r="H92" s="176"/>
      <c r="I92" s="176"/>
      <c r="J92" s="176"/>
      <c r="K92" s="176"/>
      <c r="L92" s="176"/>
    </row>
    <row r="93" spans="3:12" x14ac:dyDescent="0.15">
      <c r="C93" s="176"/>
      <c r="D93" s="176"/>
      <c r="E93" s="174">
        <f t="shared" ca="1" si="5"/>
        <v>1940</v>
      </c>
      <c r="F93" s="174"/>
      <c r="G93" s="176"/>
      <c r="H93" s="176"/>
      <c r="I93" s="176"/>
      <c r="J93" s="176"/>
      <c r="K93" s="176"/>
      <c r="L93" s="176"/>
    </row>
    <row r="94" spans="3:12" x14ac:dyDescent="0.15">
      <c r="C94" s="176"/>
      <c r="D94" s="176"/>
      <c r="E94" s="174">
        <f t="shared" ca="1" si="5"/>
        <v>1939</v>
      </c>
      <c r="F94" s="174"/>
      <c r="G94" s="176"/>
      <c r="H94" s="176"/>
      <c r="I94" s="176"/>
      <c r="J94" s="176"/>
      <c r="K94" s="176"/>
      <c r="L94" s="176"/>
    </row>
    <row r="95" spans="3:12" x14ac:dyDescent="0.15">
      <c r="C95" s="176"/>
      <c r="D95" s="176"/>
      <c r="E95" s="174">
        <f t="shared" ca="1" si="5"/>
        <v>1938</v>
      </c>
      <c r="F95" s="174"/>
      <c r="G95" s="176"/>
      <c r="H95" s="176"/>
      <c r="I95" s="176"/>
      <c r="J95" s="176"/>
      <c r="K95" s="176"/>
      <c r="L95" s="176"/>
    </row>
    <row r="96" spans="3:12" x14ac:dyDescent="0.15">
      <c r="C96" s="176"/>
      <c r="D96" s="176"/>
      <c r="E96" s="174">
        <f t="shared" ca="1" si="5"/>
        <v>1937</v>
      </c>
      <c r="F96" s="174"/>
      <c r="G96" s="176"/>
      <c r="H96" s="176"/>
      <c r="I96" s="176"/>
      <c r="J96" s="176"/>
      <c r="K96" s="176"/>
      <c r="L96" s="176"/>
    </row>
    <row r="97" spans="3:12" x14ac:dyDescent="0.15">
      <c r="C97" s="176"/>
      <c r="D97" s="176"/>
      <c r="E97" s="174">
        <f t="shared" ca="1" si="5"/>
        <v>1936</v>
      </c>
      <c r="F97" s="174"/>
      <c r="G97" s="176"/>
      <c r="H97" s="176"/>
      <c r="I97" s="176"/>
      <c r="J97" s="176"/>
      <c r="K97" s="176"/>
      <c r="L97" s="176"/>
    </row>
    <row r="98" spans="3:12" x14ac:dyDescent="0.15">
      <c r="C98" s="176"/>
      <c r="D98" s="176"/>
      <c r="E98" s="174">
        <f t="shared" ca="1" si="5"/>
        <v>1935</v>
      </c>
      <c r="F98" s="174"/>
      <c r="G98" s="176"/>
      <c r="H98" s="176"/>
      <c r="I98" s="176"/>
      <c r="J98" s="176"/>
      <c r="K98" s="176"/>
      <c r="L98" s="176"/>
    </row>
    <row r="99" spans="3:12" x14ac:dyDescent="0.15">
      <c r="C99" s="176"/>
      <c r="D99" s="176"/>
      <c r="E99" s="174">
        <f t="shared" ca="1" si="5"/>
        <v>1934</v>
      </c>
      <c r="F99" s="174"/>
      <c r="G99" s="176"/>
      <c r="H99" s="176"/>
      <c r="I99" s="176"/>
      <c r="J99" s="176"/>
      <c r="K99" s="176"/>
      <c r="L99" s="176"/>
    </row>
    <row r="100" spans="3:12" x14ac:dyDescent="0.15">
      <c r="C100" s="176"/>
      <c r="D100" s="176"/>
      <c r="E100" s="174">
        <f t="shared" ca="1" si="5"/>
        <v>1933</v>
      </c>
      <c r="F100" s="174"/>
      <c r="G100" s="176"/>
      <c r="H100" s="176"/>
      <c r="I100" s="176"/>
      <c r="J100" s="176"/>
      <c r="K100" s="176"/>
      <c r="L100" s="176"/>
    </row>
    <row r="101" spans="3:12" x14ac:dyDescent="0.15">
      <c r="C101" s="176"/>
      <c r="D101" s="176"/>
      <c r="E101" s="174">
        <f t="shared" ca="1" si="5"/>
        <v>1932</v>
      </c>
      <c r="F101" s="174"/>
      <c r="G101" s="176"/>
      <c r="H101" s="176"/>
      <c r="I101" s="176"/>
      <c r="J101" s="176"/>
      <c r="K101" s="176"/>
      <c r="L101" s="176"/>
    </row>
    <row r="102" spans="3:12" x14ac:dyDescent="0.15">
      <c r="C102" s="176"/>
      <c r="D102" s="176"/>
      <c r="E102" s="174">
        <f t="shared" ca="1" si="5"/>
        <v>1931</v>
      </c>
      <c r="F102" s="174"/>
      <c r="G102" s="176"/>
      <c r="H102" s="176"/>
      <c r="I102" s="176"/>
      <c r="J102" s="176"/>
      <c r="K102" s="176"/>
      <c r="L102" s="176"/>
    </row>
    <row r="103" spans="3:12" x14ac:dyDescent="0.15">
      <c r="D103" s="176"/>
      <c r="E103" s="174">
        <f t="shared" ca="1" si="5"/>
        <v>1930</v>
      </c>
      <c r="F103" s="179"/>
    </row>
    <row r="104" spans="3:12" x14ac:dyDescent="0.15">
      <c r="D104" s="176"/>
      <c r="E104" s="174">
        <f t="shared" ca="1" si="5"/>
        <v>1929</v>
      </c>
      <c r="F104" s="179"/>
    </row>
    <row r="105" spans="3:12" x14ac:dyDescent="0.15">
      <c r="D105" s="176"/>
      <c r="E105" s="174">
        <f t="shared" ca="1" si="5"/>
        <v>1928</v>
      </c>
      <c r="F105" s="179"/>
    </row>
    <row r="106" spans="3:12" x14ac:dyDescent="0.15">
      <c r="D106" s="176"/>
      <c r="E106" s="174">
        <f t="shared" ca="1" si="5"/>
        <v>1927</v>
      </c>
      <c r="F106" s="179"/>
    </row>
    <row r="107" spans="3:12" x14ac:dyDescent="0.15">
      <c r="D107" s="176"/>
      <c r="E107" s="174">
        <f t="shared" ca="1" si="5"/>
        <v>1926</v>
      </c>
      <c r="F107" s="179"/>
    </row>
    <row r="108" spans="3:12" x14ac:dyDescent="0.15">
      <c r="E108" s="174">
        <f t="shared" ca="1" si="5"/>
        <v>1925</v>
      </c>
      <c r="F108" s="179"/>
    </row>
    <row r="109" spans="3:12" x14ac:dyDescent="0.15">
      <c r="E109" s="174">
        <f t="shared" ca="1" si="5"/>
        <v>1924</v>
      </c>
      <c r="F109" s="178"/>
    </row>
    <row r="110" spans="3:12" x14ac:dyDescent="0.15">
      <c r="E110" s="174">
        <f t="shared" ca="1" si="5"/>
        <v>1923</v>
      </c>
      <c r="F110" s="178"/>
    </row>
    <row r="111" spans="3:12" x14ac:dyDescent="0.15">
      <c r="E111" s="174">
        <f t="shared" ca="1" si="5"/>
        <v>1922</v>
      </c>
      <c r="F111" s="178"/>
    </row>
    <row r="112" spans="3:12" x14ac:dyDescent="0.15">
      <c r="E112" s="174">
        <f t="shared" ca="1" si="5"/>
        <v>1921</v>
      </c>
      <c r="F112" s="178"/>
    </row>
    <row r="113" spans="5:6" x14ac:dyDescent="0.15">
      <c r="E113" s="174">
        <f t="shared" ca="1" si="5"/>
        <v>1920</v>
      </c>
      <c r="F113" s="178"/>
    </row>
    <row r="114" spans="5:6" x14ac:dyDescent="0.15">
      <c r="E114" s="178"/>
      <c r="F114" s="178"/>
    </row>
    <row r="115" spans="5:6" x14ac:dyDescent="0.15">
      <c r="E115" s="178"/>
      <c r="F115" s="178"/>
    </row>
    <row r="116" spans="5:6" x14ac:dyDescent="0.15">
      <c r="E116" s="178"/>
      <c r="F116" s="178"/>
    </row>
    <row r="117" spans="5:6" x14ac:dyDescent="0.15">
      <c r="E117" s="178"/>
      <c r="F117" s="178"/>
    </row>
    <row r="118" spans="5:6" x14ac:dyDescent="0.15">
      <c r="E118" s="178"/>
      <c r="F118" s="178"/>
    </row>
    <row r="119" spans="5:6" x14ac:dyDescent="0.15">
      <c r="E119" s="178"/>
      <c r="F119" s="178"/>
    </row>
    <row r="120" spans="5:6" x14ac:dyDescent="0.15">
      <c r="E120" s="178"/>
      <c r="F120" s="178"/>
    </row>
    <row r="121" spans="5:6" x14ac:dyDescent="0.15">
      <c r="E121" s="178"/>
      <c r="F121" s="178"/>
    </row>
    <row r="122" spans="5:6" x14ac:dyDescent="0.15">
      <c r="E122" s="178"/>
      <c r="F122" s="178"/>
    </row>
    <row r="123" spans="5:6" x14ac:dyDescent="0.15">
      <c r="E123" s="178"/>
      <c r="F123" s="178"/>
    </row>
    <row r="124" spans="5:6" x14ac:dyDescent="0.15">
      <c r="E124" s="178"/>
    </row>
    <row r="125" spans="5:6" x14ac:dyDescent="0.15">
      <c r="E125" s="178"/>
    </row>
    <row r="126" spans="5:6" x14ac:dyDescent="0.15">
      <c r="E126" s="178"/>
    </row>
    <row r="127" spans="5:6" x14ac:dyDescent="0.15">
      <c r="E127" s="178"/>
    </row>
    <row r="128" spans="5:6" x14ac:dyDescent="0.15">
      <c r="E128" s="178"/>
    </row>
  </sheetData>
  <phoneticPr fontId="3"/>
  <pageMargins left="0.7" right="0.7" top="0.75" bottom="0.75" header="0.3" footer="0.3"/>
  <pageSetup paperSize="9" scale="4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F49"/>
  <sheetViews>
    <sheetView view="pageBreakPreview" topLeftCell="A26" zoomScaleSheetLayoutView="100" workbookViewId="0">
      <selection activeCell="I10" sqref="I10"/>
    </sheetView>
  </sheetViews>
  <sheetFormatPr defaultColWidth="8.75" defaultRowHeight="12" x14ac:dyDescent="0.15"/>
  <cols>
    <col min="1" max="1" width="2.5" style="181" customWidth="1"/>
    <col min="2" max="2" width="19.5" style="181" customWidth="1"/>
    <col min="3" max="3" width="4.5" style="181" customWidth="1"/>
    <col min="4" max="4" width="18.5" style="181" customWidth="1"/>
    <col min="5" max="5" width="67.5" style="181" customWidth="1"/>
    <col min="6" max="16384" width="8.75" style="181"/>
  </cols>
  <sheetData>
    <row r="1" spans="1:5" ht="17.25" x14ac:dyDescent="0.15">
      <c r="A1" s="182" t="s">
        <v>153</v>
      </c>
      <c r="B1" s="491" t="s">
        <v>154</v>
      </c>
      <c r="C1" s="491"/>
      <c r="D1" s="491"/>
      <c r="E1" s="491"/>
    </row>
    <row r="2" spans="1:5" x14ac:dyDescent="0.15">
      <c r="A2" s="183"/>
      <c r="B2" s="183"/>
      <c r="C2" s="183"/>
      <c r="D2" s="183"/>
      <c r="E2" s="183"/>
    </row>
    <row r="3" spans="1:5" x14ac:dyDescent="0.15">
      <c r="A3" s="184" t="s">
        <v>155</v>
      </c>
      <c r="B3" s="186"/>
      <c r="C3" s="184"/>
      <c r="D3" s="184"/>
      <c r="E3" s="186"/>
    </row>
    <row r="4" spans="1:5" x14ac:dyDescent="0.15">
      <c r="B4" s="185"/>
      <c r="C4" s="185"/>
      <c r="D4" s="185"/>
    </row>
    <row r="5" spans="1:5" ht="35.1" customHeight="1" x14ac:dyDescent="0.15">
      <c r="B5" s="187" t="s">
        <v>20</v>
      </c>
      <c r="C5" s="192"/>
      <c r="D5" s="194"/>
      <c r="E5" s="188" t="s">
        <v>156</v>
      </c>
    </row>
    <row r="6" spans="1:5" ht="50.1" customHeight="1" x14ac:dyDescent="0.15">
      <c r="B6" s="187" t="s">
        <v>78</v>
      </c>
      <c r="C6" s="192"/>
      <c r="D6" s="194"/>
      <c r="E6" s="188" t="s">
        <v>157</v>
      </c>
    </row>
    <row r="7" spans="1:5" ht="63" customHeight="1" x14ac:dyDescent="0.15">
      <c r="B7" s="188" t="s">
        <v>26</v>
      </c>
      <c r="C7" s="192"/>
      <c r="D7" s="194"/>
      <c r="E7" s="188" t="s">
        <v>211</v>
      </c>
    </row>
    <row r="8" spans="1:5" ht="50.1" customHeight="1" x14ac:dyDescent="0.15">
      <c r="B8" s="188" t="s">
        <v>28</v>
      </c>
      <c r="C8" s="192"/>
      <c r="D8" s="194"/>
      <c r="E8" s="188" t="s">
        <v>7</v>
      </c>
    </row>
    <row r="9" spans="1:5" ht="20.100000000000001" customHeight="1" x14ac:dyDescent="0.15">
      <c r="B9" s="188" t="s">
        <v>159</v>
      </c>
      <c r="C9" s="193"/>
      <c r="D9" s="194"/>
      <c r="E9" s="188" t="s">
        <v>132</v>
      </c>
    </row>
    <row r="10" spans="1:5" ht="35.1" customHeight="1" x14ac:dyDescent="0.15">
      <c r="B10" s="188" t="s">
        <v>160</v>
      </c>
      <c r="C10" s="192"/>
      <c r="D10" s="194"/>
      <c r="E10" s="188" t="s">
        <v>161</v>
      </c>
    </row>
    <row r="11" spans="1:5" x14ac:dyDescent="0.15">
      <c r="B11" s="189"/>
    </row>
    <row r="12" spans="1:5" x14ac:dyDescent="0.15">
      <c r="A12" s="184" t="s">
        <v>162</v>
      </c>
      <c r="B12" s="186"/>
      <c r="C12" s="186"/>
      <c r="D12" s="186"/>
      <c r="E12" s="186"/>
    </row>
    <row r="13" spans="1:5" x14ac:dyDescent="0.15">
      <c r="A13" s="185"/>
    </row>
    <row r="14" spans="1:5" ht="35.25" customHeight="1" x14ac:dyDescent="0.15">
      <c r="A14" s="185"/>
      <c r="B14" s="187" t="s">
        <v>163</v>
      </c>
      <c r="C14" s="473" t="s">
        <v>30</v>
      </c>
      <c r="D14" s="473"/>
      <c r="E14" s="195" t="s">
        <v>196</v>
      </c>
    </row>
    <row r="15" spans="1:5" x14ac:dyDescent="0.15">
      <c r="B15" s="189"/>
    </row>
    <row r="16" spans="1:5" x14ac:dyDescent="0.15">
      <c r="A16" s="184" t="s">
        <v>164</v>
      </c>
      <c r="B16" s="186"/>
      <c r="C16" s="186"/>
      <c r="D16" s="186"/>
      <c r="E16" s="186"/>
    </row>
    <row r="17" spans="1:6" x14ac:dyDescent="0.15">
      <c r="A17" s="185"/>
    </row>
    <row r="18" spans="1:6" ht="20.100000000000001" customHeight="1" x14ac:dyDescent="0.15">
      <c r="A18" s="185"/>
      <c r="B18" s="474" t="s">
        <v>166</v>
      </c>
      <c r="C18" s="492" t="s">
        <v>167</v>
      </c>
      <c r="D18" s="492"/>
      <c r="E18" s="188" t="s">
        <v>168</v>
      </c>
    </row>
    <row r="19" spans="1:6" ht="35.1" customHeight="1" x14ac:dyDescent="0.15">
      <c r="B19" s="475"/>
      <c r="C19" s="492" t="s">
        <v>136</v>
      </c>
      <c r="D19" s="492"/>
      <c r="E19" s="188" t="s">
        <v>169</v>
      </c>
    </row>
    <row r="21" spans="1:6" x14ac:dyDescent="0.15">
      <c r="A21" s="184" t="s">
        <v>170</v>
      </c>
      <c r="B21" s="186"/>
      <c r="C21" s="186"/>
      <c r="D21" s="186"/>
      <c r="E21" s="186"/>
    </row>
    <row r="23" spans="1:6" ht="105" customHeight="1" x14ac:dyDescent="0.15">
      <c r="B23" s="188" t="s">
        <v>113</v>
      </c>
      <c r="C23" s="473" t="s">
        <v>171</v>
      </c>
      <c r="D23" s="473"/>
      <c r="E23" s="188" t="s">
        <v>198</v>
      </c>
    </row>
    <row r="24" spans="1:6" ht="35.1" customHeight="1" x14ac:dyDescent="0.15">
      <c r="B24" s="476" t="s">
        <v>172</v>
      </c>
      <c r="C24" s="478" t="s">
        <v>35</v>
      </c>
      <c r="D24" s="479"/>
      <c r="E24" s="190" t="s">
        <v>173</v>
      </c>
    </row>
    <row r="25" spans="1:6" ht="92.25" customHeight="1" x14ac:dyDescent="0.15">
      <c r="B25" s="477"/>
      <c r="C25" s="480"/>
      <c r="D25" s="481"/>
      <c r="E25" s="196" t="s">
        <v>197</v>
      </c>
    </row>
    <row r="26" spans="1:6" ht="147" customHeight="1" x14ac:dyDescent="0.15">
      <c r="B26" s="188" t="s">
        <v>174</v>
      </c>
      <c r="C26" s="472" t="s">
        <v>68</v>
      </c>
      <c r="D26" s="472"/>
      <c r="E26" s="188" t="s">
        <v>213</v>
      </c>
    </row>
    <row r="27" spans="1:6" ht="399.95" customHeight="1" x14ac:dyDescent="0.15">
      <c r="B27" s="482" t="s">
        <v>175</v>
      </c>
      <c r="C27" s="472" t="s">
        <v>10</v>
      </c>
      <c r="D27" s="473"/>
      <c r="E27" s="197" t="s">
        <v>199</v>
      </c>
    </row>
    <row r="28" spans="1:6" ht="398.25" customHeight="1" x14ac:dyDescent="0.15">
      <c r="B28" s="483"/>
      <c r="C28" s="472" t="s">
        <v>176</v>
      </c>
      <c r="D28" s="473"/>
      <c r="E28" s="188" t="s">
        <v>200</v>
      </c>
    </row>
    <row r="29" spans="1:6" ht="96" customHeight="1" x14ac:dyDescent="0.15">
      <c r="B29" s="188" t="s">
        <v>178</v>
      </c>
      <c r="C29" s="489" t="s">
        <v>179</v>
      </c>
      <c r="D29" s="490"/>
      <c r="E29" s="188" t="s">
        <v>196</v>
      </c>
    </row>
    <row r="30" spans="1:6" ht="105" customHeight="1" x14ac:dyDescent="0.15">
      <c r="B30" s="188" t="s">
        <v>151</v>
      </c>
      <c r="C30" s="472" t="s">
        <v>180</v>
      </c>
      <c r="D30" s="472"/>
      <c r="E30" s="188" t="s">
        <v>205</v>
      </c>
    </row>
    <row r="31" spans="1:6" ht="164.25" customHeight="1" x14ac:dyDescent="0.15">
      <c r="B31" s="188" t="s">
        <v>75</v>
      </c>
      <c r="C31" s="472" t="s">
        <v>181</v>
      </c>
      <c r="D31" s="472"/>
      <c r="E31" s="188" t="s">
        <v>203</v>
      </c>
      <c r="F31" s="181" t="s">
        <v>202</v>
      </c>
    </row>
    <row r="32" spans="1:6" ht="46.5" customHeight="1" x14ac:dyDescent="0.15">
      <c r="B32" s="188" t="s">
        <v>209</v>
      </c>
      <c r="C32" s="487" t="s">
        <v>121</v>
      </c>
      <c r="D32" s="488"/>
      <c r="E32" s="188" t="s">
        <v>196</v>
      </c>
    </row>
    <row r="33" spans="1:5" ht="35.25" customHeight="1" x14ac:dyDescent="0.15">
      <c r="B33" s="188" t="s">
        <v>22</v>
      </c>
      <c r="C33" s="473" t="s">
        <v>182</v>
      </c>
      <c r="D33" s="473"/>
      <c r="E33" s="195" t="s">
        <v>196</v>
      </c>
    </row>
    <row r="34" spans="1:5" ht="150" customHeight="1" x14ac:dyDescent="0.15">
      <c r="B34" s="188" t="s">
        <v>210</v>
      </c>
      <c r="C34" s="487" t="s">
        <v>98</v>
      </c>
      <c r="D34" s="488"/>
      <c r="E34" s="198" t="s">
        <v>212</v>
      </c>
    </row>
    <row r="35" spans="1:5" x14ac:dyDescent="0.15">
      <c r="B35" s="189"/>
      <c r="E35" s="189"/>
    </row>
    <row r="36" spans="1:5" x14ac:dyDescent="0.15">
      <c r="A36" s="184" t="s">
        <v>183</v>
      </c>
      <c r="B36" s="191"/>
      <c r="C36" s="186"/>
      <c r="D36" s="186"/>
      <c r="E36" s="191"/>
    </row>
    <row r="37" spans="1:5" x14ac:dyDescent="0.15">
      <c r="B37" s="189"/>
      <c r="E37" s="189"/>
    </row>
    <row r="38" spans="1:5" ht="69.95" customHeight="1" x14ac:dyDescent="0.15">
      <c r="B38" s="188" t="s">
        <v>184</v>
      </c>
      <c r="C38" s="472" t="s">
        <v>185</v>
      </c>
      <c r="D38" s="473"/>
      <c r="E38" s="198" t="s">
        <v>206</v>
      </c>
    </row>
    <row r="39" spans="1:5" x14ac:dyDescent="0.15">
      <c r="B39" s="189"/>
      <c r="E39" s="199"/>
    </row>
    <row r="40" spans="1:5" x14ac:dyDescent="0.15">
      <c r="B40" s="189"/>
      <c r="E40" s="189"/>
    </row>
    <row r="41" spans="1:5" x14ac:dyDescent="0.15">
      <c r="A41" s="184" t="s">
        <v>186</v>
      </c>
      <c r="B41" s="191"/>
      <c r="C41" s="186"/>
      <c r="D41" s="191"/>
      <c r="E41" s="191"/>
    </row>
    <row r="42" spans="1:5" x14ac:dyDescent="0.15">
      <c r="B42" s="189"/>
      <c r="D42" s="189"/>
      <c r="E42" s="189"/>
    </row>
    <row r="43" spans="1:5" ht="92.25" customHeight="1" x14ac:dyDescent="0.15">
      <c r="B43" s="188" t="s">
        <v>187</v>
      </c>
      <c r="C43" s="485" t="s">
        <v>207</v>
      </c>
      <c r="D43" s="486"/>
      <c r="E43" s="188" t="s">
        <v>188</v>
      </c>
    </row>
    <row r="44" spans="1:5" ht="92.25" customHeight="1" x14ac:dyDescent="0.15">
      <c r="B44" s="188" t="s">
        <v>112</v>
      </c>
      <c r="C44" s="472" t="s">
        <v>189</v>
      </c>
      <c r="D44" s="473"/>
      <c r="E44" s="188" t="s">
        <v>190</v>
      </c>
    </row>
    <row r="45" spans="1:5" ht="35.25" customHeight="1" x14ac:dyDescent="0.15">
      <c r="B45" s="188" t="s">
        <v>191</v>
      </c>
      <c r="C45" s="472" t="s">
        <v>135</v>
      </c>
      <c r="D45" s="473"/>
      <c r="E45" s="195" t="s">
        <v>196</v>
      </c>
    </row>
    <row r="46" spans="1:5" ht="35.25" customHeight="1" x14ac:dyDescent="0.15">
      <c r="B46" s="188" t="s">
        <v>192</v>
      </c>
      <c r="C46" s="472" t="s">
        <v>45</v>
      </c>
      <c r="D46" s="473"/>
      <c r="E46" s="195" t="s">
        <v>195</v>
      </c>
    </row>
    <row r="47" spans="1:5" ht="56.25" customHeight="1" x14ac:dyDescent="0.15">
      <c r="B47" s="476" t="s">
        <v>201</v>
      </c>
      <c r="C47" s="472" t="s">
        <v>145</v>
      </c>
      <c r="D47" s="473"/>
      <c r="E47" s="195" t="s">
        <v>215</v>
      </c>
    </row>
    <row r="48" spans="1:5" ht="102.75" customHeight="1" x14ac:dyDescent="0.15">
      <c r="B48" s="484"/>
      <c r="C48" s="472" t="s">
        <v>208</v>
      </c>
      <c r="D48" s="473"/>
      <c r="E48" s="200" t="s">
        <v>158</v>
      </c>
    </row>
    <row r="49" spans="2:5" ht="79.5" customHeight="1" x14ac:dyDescent="0.15">
      <c r="B49" s="188" t="s">
        <v>165</v>
      </c>
      <c r="C49" s="472" t="s">
        <v>137</v>
      </c>
      <c r="D49" s="473"/>
      <c r="E49" s="188" t="s">
        <v>204</v>
      </c>
    </row>
  </sheetData>
  <mergeCells count="27">
    <mergeCell ref="B1:E1"/>
    <mergeCell ref="C14:D14"/>
    <mergeCell ref="C18:D18"/>
    <mergeCell ref="C19:D19"/>
    <mergeCell ref="C23:D23"/>
    <mergeCell ref="C38:D38"/>
    <mergeCell ref="C26:D26"/>
    <mergeCell ref="C27:D27"/>
    <mergeCell ref="C28:D28"/>
    <mergeCell ref="C29:D29"/>
    <mergeCell ref="C30:D30"/>
    <mergeCell ref="C48:D48"/>
    <mergeCell ref="C49:D49"/>
    <mergeCell ref="B18:B19"/>
    <mergeCell ref="B24:B25"/>
    <mergeCell ref="C24:D25"/>
    <mergeCell ref="B27:B28"/>
    <mergeCell ref="B47:B48"/>
    <mergeCell ref="C43:D43"/>
    <mergeCell ref="C44:D44"/>
    <mergeCell ref="C45:D45"/>
    <mergeCell ref="C46:D46"/>
    <mergeCell ref="C47:D47"/>
    <mergeCell ref="C31:D31"/>
    <mergeCell ref="C32:D32"/>
    <mergeCell ref="C33:D33"/>
    <mergeCell ref="C34:D34"/>
  </mergeCells>
  <phoneticPr fontId="3"/>
  <hyperlinks>
    <hyperlink ref="A1" location="標準的な様式!A1" display="戻" xr:uid="{00000000-0004-0000-0200-000000000000}"/>
  </hyperlinks>
  <pageMargins left="0.7" right="0.7" top="0.75" bottom="0.75" header="0.3" footer="0.3"/>
  <pageSetup paperSize="9" scale="73" orientation="portrait" r:id="rId1"/>
  <rowBreaks count="1" manualBreakCount="1">
    <brk id="29" max="4"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TaxCatchAll xmlns="6af4509c-bf81-477d-8d78-d92db982eff6" xsi:nil="true"/>
    <lcf76f155ced4ddcb4097134ff3c332f xmlns="c3f0207d-d5d6-4a52-92a4-56fc7d67dfb8">
      <Terms xmlns="http://schemas.microsoft.com/office/infopath/2007/PartnerControls"/>
    </lcf76f155ced4ddcb4097134ff3c332f>
    <SharedWithUsers xmlns="6af4509c-bf81-477d-8d78-d92db982eff6">
      <UserInfo>
        <DisplayName/>
        <AccountId xsi:nil="true"/>
        <AccountType/>
      </UserInfo>
    </SharedWithUsers>
    <MediaLengthInSeconds xmlns="c3f0207d-d5d6-4a52-92a4-56fc7d67dfb8" xsi:nil="true"/>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7EBCD71E07457443AC31B133D42A0E34" ma:contentTypeVersion="14" ma:contentTypeDescription="新しいドキュメントを作成します。" ma:contentTypeScope="" ma:versionID="70125e4ab781043c60287bd4630e30c7">
  <xsd:schema xmlns:xsd="http://www.w3.org/2001/XMLSchema" xmlns:xs="http://www.w3.org/2001/XMLSchema" xmlns:p="http://schemas.microsoft.com/office/2006/metadata/properties" xmlns:ns2="c3f0207d-d5d6-4a52-92a4-56fc7d67dfb8" xmlns:ns3="6af4509c-bf81-477d-8d78-d92db982eff6" targetNamespace="http://schemas.microsoft.com/office/2006/metadata/properties" ma:root="true" ma:fieldsID="736e61c6c205ab5e4d7ea0d39b507572" ns2:_="" ns3:_="">
    <xsd:import namespace="c3f0207d-d5d6-4a52-92a4-56fc7d67dfb8"/>
    <xsd:import namespace="6af4509c-bf81-477d-8d78-d92db982eff6"/>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f0207d-d5d6-4a52-92a4-56fc7d67dfb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1"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6af4509c-bf81-477d-8d78-d92db982eff6"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ab13b757-a03a-4e10-8ca8-0508a9c35e93}" ma:internalName="TaxCatchAll" ma:showField="CatchAllData" ma:web="6af4509c-bf81-477d-8d78-d92db982eff6">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2.xml><?xml version="1.0" encoding="utf-8"?>
<ds:datastoreItem xmlns:ds="http://schemas.openxmlformats.org/officeDocument/2006/customXml" ds:itemID="{679A5062-3E92-41AD-9159-833629BDFE73}">
  <ds:schemaRefs>
    <ds:schemaRef ds:uri="http://purl.org/dc/terms/"/>
    <ds:schemaRef ds:uri="http://schemas.microsoft.com/office/2006/documentManagement/types"/>
    <ds:schemaRef ds:uri="http://purl.org/dc/elements/1.1/"/>
    <ds:schemaRef ds:uri="http://schemas.microsoft.com/office/2006/metadata/properties"/>
    <ds:schemaRef ds:uri="http://www.w3.org/XML/1998/namespace"/>
    <ds:schemaRef ds:uri="http://purl.org/dc/dcmitype/"/>
    <ds:schemaRef ds:uri="http://schemas.microsoft.com/office/infopath/2007/PartnerControls"/>
    <ds:schemaRef ds:uri="http://schemas.openxmlformats.org/package/2006/metadata/core-properties"/>
    <ds:schemaRef ds:uri="6af4509c-bf81-477d-8d78-d92db982eff6"/>
    <ds:schemaRef ds:uri="c3f0207d-d5d6-4a52-92a4-56fc7d67dfb8"/>
  </ds:schemaRefs>
</ds:datastoreItem>
</file>

<file path=customXml/itemProps3.xml><?xml version="1.0" encoding="utf-8"?>
<ds:datastoreItem xmlns:ds="http://schemas.openxmlformats.org/officeDocument/2006/customXml" ds:itemID="{6524F8CA-A2D0-4C47-8842-F87C33B7FA9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3f0207d-d5d6-4a52-92a4-56fc7d67dfb8"/>
    <ds:schemaRef ds:uri="6af4509c-bf81-477d-8d78-d92db982eff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vt:lpstr>
      <vt:lpstr>プルダウンリスト</vt:lpstr>
      <vt:lpstr>記載要領 </vt:lpstr>
      <vt:lpstr>プルダウンリスト!Print_Area</vt:lpstr>
      <vt:lpstr>'記載要領 '!Print_Area</vt:lpstr>
      <vt:lpstr>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井 菜摘(KAWAI Natsumi)</dc:creator>
  <cp:lastModifiedBy>森　彩奈</cp:lastModifiedBy>
  <cp:lastPrinted>2026-03-30T06:13:06Z</cp:lastPrinted>
  <dcterms:created xsi:type="dcterms:W3CDTF">2010-08-24T08:00:05Z</dcterms:created>
  <dcterms:modified xsi:type="dcterms:W3CDTF">2026-03-30T06:36: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mplianceAssetId">
    <vt:lpwstr/>
  </property>
  <property fmtid="{D5CDD505-2E9C-101B-9397-08002B2CF9AE}" pid="3" name="ContentTypeId">
    <vt:lpwstr>0x0101007EBCD71E07457443AC31B133D42A0E34</vt:lpwstr>
  </property>
  <property fmtid="{D5CDD505-2E9C-101B-9397-08002B2CF9AE}" pid="4" name="MediaServiceImageTags">
    <vt:lpwstr/>
  </property>
  <property fmtid="{D5CDD505-2E9C-101B-9397-08002B2CF9AE}" pid="5" name="Order">
    <vt:r8>10498200</vt:r8>
  </property>
  <property fmtid="{D5CDD505-2E9C-101B-9397-08002B2CF9AE}" pid="6" name="TemplateUrl">
    <vt:lpwstr/>
  </property>
  <property fmtid="{D5CDD505-2E9C-101B-9397-08002B2CF9AE}" pid="7" name="TriggerFlowInfo">
    <vt:lpwstr/>
  </property>
  <property fmtid="{D5CDD505-2E9C-101B-9397-08002B2CF9AE}" pid="8" name="_ExtendedDescription">
    <vt:lpwstr/>
  </property>
  <property fmtid="{D5CDD505-2E9C-101B-9397-08002B2CF9AE}" pid="9" name="xd_ProgID">
    <vt:lpwstr/>
  </property>
  <property fmtid="{D5CDD505-2E9C-101B-9397-08002B2CF9AE}" pid="10" name="xd_Signature">
    <vt:bool>false</vt:bool>
  </property>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12-09T02:31:52Z</vt:filetime>
  </property>
</Properties>
</file>